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4D63A9F7" w14:textId="11CADFEA" w:rsidR="009643CC" w:rsidRPr="00620464" w:rsidRDefault="00272BB4" w:rsidP="009643CC">
      <w:pPr>
        <w:pStyle w:val="O1-Udennr"/>
        <w:rPr>
          <w:sz w:val="36"/>
        </w:rPr>
      </w:pPr>
      <w:r w:rsidRPr="00620464">
        <w:rPr>
          <w:sz w:val="36"/>
        </w:rPr>
        <w:t>T</w:t>
      </w:r>
      <w:r w:rsidR="009643CC" w:rsidRPr="00620464">
        <w:rPr>
          <w:sz w:val="36"/>
        </w:rPr>
        <w:t>ilbagemelding</w:t>
      </w:r>
      <w:r w:rsidRPr="00620464">
        <w:rPr>
          <w:sz w:val="36"/>
        </w:rPr>
        <w:t>sskema</w:t>
      </w:r>
      <w:r w:rsidR="009643CC" w:rsidRPr="00620464">
        <w:rPr>
          <w:sz w:val="36"/>
        </w:rPr>
        <w:t xml:space="preserve"> for </w:t>
      </w:r>
      <w:r w:rsidR="0055101C" w:rsidRPr="00620464">
        <w:rPr>
          <w:sz w:val="36"/>
        </w:rPr>
        <w:t xml:space="preserve">skriftlig fremstilling </w:t>
      </w:r>
      <w:r w:rsidR="004721D2" w:rsidRPr="00620464">
        <w:rPr>
          <w:sz w:val="36"/>
        </w:rPr>
        <w:t>i fransk</w:t>
      </w:r>
      <w:r w:rsidR="002A7EC4" w:rsidRPr="00620464">
        <w:rPr>
          <w:sz w:val="36"/>
        </w:rPr>
        <w:t xml:space="preserve"> </w:t>
      </w:r>
      <w:r w:rsidR="00F3430D" w:rsidRPr="00620464">
        <w:rPr>
          <w:sz w:val="36"/>
        </w:rPr>
        <w:t>FP10</w:t>
      </w:r>
    </w:p>
    <w:p w14:paraId="037C4B44" w14:textId="750C0FE3" w:rsidR="009643CC" w:rsidRPr="00620464" w:rsidRDefault="009643CC" w:rsidP="009643CC">
      <w:pPr>
        <w:pStyle w:val="Brdtekst"/>
      </w:pPr>
    </w:p>
    <w:p w14:paraId="6ACA6981" w14:textId="77777777" w:rsidR="00C64ADF" w:rsidRPr="00620464" w:rsidRDefault="00C64ADF" w:rsidP="009643CC">
      <w:pPr>
        <w:pStyle w:val="Brdtekst"/>
      </w:pPr>
    </w:p>
    <w:tbl>
      <w:tblPr>
        <w:tblW w:w="5000" w:type="pct"/>
        <w:tblBorders>
          <w:top w:val="single" w:sz="4" w:space="0" w:color="404040"/>
          <w:left w:val="single" w:sz="4" w:space="0" w:color="404040"/>
          <w:bottom w:val="single" w:sz="4" w:space="0" w:color="404040"/>
          <w:right w:val="single" w:sz="4" w:space="0" w:color="404040"/>
          <w:insideH w:val="single" w:sz="4" w:space="0" w:color="404040"/>
          <w:insideV w:val="single" w:sz="4" w:space="0" w:color="404040"/>
        </w:tblBorders>
        <w:tblLayout w:type="fixed"/>
        <w:tblCellMar>
          <w:left w:w="0" w:type="dxa"/>
          <w:right w:w="0" w:type="dxa"/>
        </w:tblCellMar>
        <w:tblLook w:val="06A0" w:firstRow="1" w:lastRow="0" w:firstColumn="1" w:lastColumn="0" w:noHBand="1" w:noVBand="1"/>
        <w:tblDescription w:val="{&quot;AltText&quot;:&quot;#AltTextNotRequired&quot;,&quot;Cop&quot;:{&quot;FirstRow&quot;:true,&quot;LastRow&quot;:false,&quot;FirstColumn&quot;:true,&quot;LastColumn&quot;:false,&quot;BandedRows&quot;:false,&quot;BandedColumns&quot;:false},&quot;Uniform&quot;:false,&quot;TableMap&quot;:null,&quot;Id&quot;:null,&quot;Ott&quot;:{&quot;FirstRow&quot;:{&quot;Font&quot;:{&quot;Bold&quot;:true},&quot;LineSpacing&quot;:{},&quot;Margin&quot;:{},&quot;Borders&quot;:{&quot;Vertical&quot;:{},&quot;Horizontal&quot;:{},&quot;Left&quot;:{},&quot;Top&quot;:{},&quot;Right&quot;:{},&quot;Bottom&quot;:{}}},&quot;LastRow&quot;:{&quot;Font&quot;:{},&quot;LineSpacing&quot;:{},&quot;Margin&quot;:{},&quot;Borders&quot;:{&quot;Vertical&quot;:{},&quot;Horizontal&quot;:{},&quot;Left&quot;:{},&quot;Top&quot;:{},&quot;Right&quot;:{},&quot;Bottom&quot;:{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Font&quot;:{},&quot;LineSpacing&quot;:{},&quot;Margin&quot;:{},&quot;Borders&quot;:{&quot;Vertical&quot;:{},&quot;Horizontal&quot;:{},&quot;Left&quot;:{},&quot;Top&quot;:{},&quot;Right&quot;:{},&quot;Bottom&quot;:{}}}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Background&quot;},&quot;Font&quot;:{&quot;Name&quot;:&quot;Verdana&quot;,&quot;Size&quot;:8.0,&quot;SizeOverridePp&quot;:12.0,&quot;Color&quot;:{&quot;Key&quot;:&quot;Text&quot;}},&quot;LineSpacing&quot;:{},&quot;Alignment&quot;:{&quot;Horizontal&quot;:&quot;Right&quot;,&quot;Vertical&quot;:&quot;Center&quot;},&quot;Margin&quot;:{&quot;Left&quot;:3.0,&quot;Top&quot;:3.0,&quot;Right&quot;:3.0,&quot;Bottom&quot;:3.0},&quot;Borders&quot;:{&quot;Vertical&quot;:{&quot;Color&quot;:{&quot;Key&quot;:&quot;Lines&quot;},&quot;BorderWeight&quot;:&quot;Pt0_5&quot;,&quot;Type&quot;:&quot;Solid&quot;,&quot;Visible&quot;:true},&quot;Horizontal&quot;:{&quot;Color&quot;:{&quot;Key&quot;:&quot;Lines&quot;},&quot;BorderWeight&quot;:&quot;Pt0_5&quot;,&quot;BorderWeightOverridePp&quot;:&quot;Pt0_5&quot;,&quot;Type&quot;:&quot;Solid&quot;,&quot;Visible&quot;:true},&quot;Left&quot;:{&quot;Color&quot;:{&quot;Key&quot;:&quot;Lines&quot;},&quot;BorderWeight&quot;:&quot;Pt0_5&quot;,&quot;Type&quot;:&quot;Solid&quot;,&quot;Visible&quot;:true},&quot;Top&quot;:{&quot;Color&quot;:{&quot;Key&quot;:&quot;Lines&quot;},&quot;BorderWeight&quot;:&quot;Pt0_5&quot;,&quot;Type&quot;:&quot;Solid&quot;,&quot;Visible&quot;:true},&quot;Right&quot;:{&quot;Color&quot;:{&quot;Key&quot;:&quot;Lines&quot;},&quot;BorderWeight&quot;:&quot;Pt0_5&quot;,&quot;Type&quot;:&quot;Solid&quot;,&quot;Visible&quot;:true},&quot;Bottom&quot;:{&quot;Color&quot;:{&quot;Key&quot;:&quot;Lines&quot;},&quot;BorderWeight&quot;:&quot;Pt0_5&quot;,&quot;Type&quot;:&quot;Solid&quot;,&quot;Visible&quot;:true}}},&quot;Ccs&quot;:{&quot;Text&quot;:&quot;Black&quot;,&quot;Background&quot;:&quot;Transparent&quot;,&quot;Lines&quot;:&quot;64, 64, 64&quot;,&quot;UVM&quot;:&quot;204, 228, 234&quot;,&quot;STIL&quot;:&quot;214, 228, 226&quot;,&quot;STUK&quot;:&quot;227, 226, 225&quot;,&quot;BlueBackground&quot;:&quot;229, 241, 244&quot;}}"/>
      </w:tblPr>
      <w:tblGrid>
        <w:gridCol w:w="4531"/>
        <w:gridCol w:w="4673"/>
      </w:tblGrid>
      <w:tr w:rsidR="00620464" w:rsidRPr="00620464" w14:paraId="157EFF28" w14:textId="77777777" w:rsidTr="00620464">
        <w:trPr>
          <w:tblHeader/>
        </w:trPr>
        <w:tc>
          <w:tcPr>
            <w:tcW w:w="4531" w:type="dxa"/>
            <w:shd w:val="clear" w:color="auto" w:fill="B9CCD7"/>
            <w:vAlign w:val="center"/>
          </w:tcPr>
          <w:p w14:paraId="332C6BC6" w14:textId="74807658" w:rsidR="00663A9D" w:rsidRPr="00620464" w:rsidRDefault="00322894" w:rsidP="00322894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 w:val="28"/>
                <w:szCs w:val="24"/>
              </w:rPr>
            </w:pPr>
            <w:r w:rsidRPr="00620464">
              <w:rPr>
                <w:rFonts w:asciiTheme="majorHAnsi" w:hAnsiTheme="majorHAnsi"/>
                <w:b/>
                <w:sz w:val="28"/>
                <w:szCs w:val="24"/>
              </w:rPr>
              <w:t>Oplysninger</w:t>
            </w:r>
          </w:p>
        </w:tc>
        <w:tc>
          <w:tcPr>
            <w:tcW w:w="4673" w:type="dxa"/>
            <w:shd w:val="clear" w:color="auto" w:fill="B9CCD7"/>
            <w:vAlign w:val="center"/>
          </w:tcPr>
          <w:p w14:paraId="4A2F593B" w14:textId="7559C67F" w:rsidR="00663A9D" w:rsidRPr="00620464" w:rsidRDefault="00663A9D" w:rsidP="00663A9D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i/>
                <w:sz w:val="28"/>
                <w:szCs w:val="24"/>
              </w:rPr>
            </w:pPr>
            <w:r w:rsidRPr="00620464">
              <w:rPr>
                <w:rFonts w:asciiTheme="majorHAnsi" w:hAnsiTheme="majorHAnsi"/>
                <w:i/>
                <w:sz w:val="28"/>
                <w:szCs w:val="24"/>
              </w:rPr>
              <w:t>Udfyld felterne nedenfor</w:t>
            </w:r>
          </w:p>
        </w:tc>
      </w:tr>
      <w:tr w:rsidR="00620464" w:rsidRPr="00620464" w14:paraId="38EF47B5" w14:textId="77777777" w:rsidTr="00384859">
        <w:tc>
          <w:tcPr>
            <w:tcW w:w="4531" w:type="dxa"/>
            <w:shd w:val="clear" w:color="auto" w:fill="auto"/>
            <w:vAlign w:val="center"/>
          </w:tcPr>
          <w:p w14:paraId="440F6963" w14:textId="38B23FD6" w:rsidR="00663A9D" w:rsidRPr="00620464" w:rsidRDefault="00663A9D" w:rsidP="00663A9D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620464">
              <w:rPr>
                <w:rFonts w:asciiTheme="majorHAnsi" w:hAnsiTheme="majorHAnsi"/>
                <w:b/>
                <w:szCs w:val="24"/>
              </w:rPr>
              <w:t>Censors navn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1E4ADC39" w14:textId="618B43D0" w:rsidR="00663A9D" w:rsidRPr="00620464" w:rsidRDefault="00663A9D" w:rsidP="00663A9D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  <w:bookmarkStart w:id="0" w:name="_GoBack"/>
            <w:bookmarkEnd w:id="0"/>
          </w:p>
        </w:tc>
      </w:tr>
      <w:tr w:rsidR="00620464" w:rsidRPr="00620464" w14:paraId="57FE3668" w14:textId="77777777" w:rsidTr="00384859">
        <w:tc>
          <w:tcPr>
            <w:tcW w:w="4531" w:type="dxa"/>
            <w:shd w:val="clear" w:color="auto" w:fill="auto"/>
            <w:vAlign w:val="center"/>
          </w:tcPr>
          <w:p w14:paraId="4E9EABCB" w14:textId="018DD2FC" w:rsidR="00663A9D" w:rsidRPr="00620464" w:rsidRDefault="00663A9D" w:rsidP="00663A9D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620464">
              <w:rPr>
                <w:rFonts w:asciiTheme="majorHAnsi" w:hAnsiTheme="majorHAnsi"/>
                <w:b/>
                <w:szCs w:val="24"/>
              </w:rPr>
              <w:t>Skolens navn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383157B3" w14:textId="77777777" w:rsidR="00663A9D" w:rsidRPr="00620464" w:rsidRDefault="00663A9D" w:rsidP="00663A9D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  <w:tr w:rsidR="00620464" w:rsidRPr="00620464" w14:paraId="59CF13B1" w14:textId="77777777" w:rsidTr="00384859">
        <w:tc>
          <w:tcPr>
            <w:tcW w:w="4531" w:type="dxa"/>
            <w:shd w:val="clear" w:color="auto" w:fill="auto"/>
            <w:vAlign w:val="center"/>
          </w:tcPr>
          <w:p w14:paraId="4E7A1F74" w14:textId="4C2B0D64" w:rsidR="00663A9D" w:rsidRPr="00620464" w:rsidRDefault="00663A9D" w:rsidP="00663A9D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620464">
              <w:rPr>
                <w:rFonts w:asciiTheme="majorHAnsi" w:hAnsiTheme="majorHAnsi"/>
                <w:b/>
                <w:szCs w:val="24"/>
              </w:rPr>
              <w:t>Klasse</w:t>
            </w:r>
            <w:r w:rsidR="001131FD" w:rsidRPr="00620464">
              <w:rPr>
                <w:rFonts w:asciiTheme="majorHAnsi" w:hAnsiTheme="majorHAnsi"/>
                <w:b/>
                <w:szCs w:val="24"/>
              </w:rPr>
              <w:t>-/hold</w:t>
            </w:r>
            <w:r w:rsidRPr="00620464">
              <w:rPr>
                <w:rFonts w:asciiTheme="majorHAnsi" w:hAnsiTheme="majorHAnsi"/>
                <w:b/>
                <w:szCs w:val="24"/>
              </w:rPr>
              <w:t>betegnelse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3E157FA8" w14:textId="77777777" w:rsidR="00663A9D" w:rsidRPr="00620464" w:rsidRDefault="00663A9D" w:rsidP="00663A9D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  <w:tr w:rsidR="00620464" w:rsidRPr="00620464" w14:paraId="167F8904" w14:textId="77777777" w:rsidTr="00384859">
        <w:tc>
          <w:tcPr>
            <w:tcW w:w="4531" w:type="dxa"/>
            <w:shd w:val="clear" w:color="auto" w:fill="auto"/>
            <w:vAlign w:val="center"/>
          </w:tcPr>
          <w:p w14:paraId="783347F6" w14:textId="6DC23C86" w:rsidR="00663A9D" w:rsidRPr="00620464" w:rsidRDefault="00663A9D" w:rsidP="00663A9D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620464">
              <w:rPr>
                <w:rFonts w:asciiTheme="majorHAnsi" w:hAnsiTheme="majorHAnsi"/>
                <w:b/>
                <w:szCs w:val="24"/>
              </w:rPr>
              <w:t>Antal opgaver vurderet (total)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625CA053" w14:textId="77777777" w:rsidR="00663A9D" w:rsidRPr="00620464" w:rsidRDefault="00663A9D" w:rsidP="00663A9D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  <w:tr w:rsidR="00620464" w:rsidRPr="00620464" w14:paraId="7CD73E86" w14:textId="77777777" w:rsidTr="00384859">
        <w:tc>
          <w:tcPr>
            <w:tcW w:w="4531" w:type="dxa"/>
            <w:shd w:val="clear" w:color="auto" w:fill="auto"/>
            <w:vAlign w:val="center"/>
          </w:tcPr>
          <w:p w14:paraId="37D67640" w14:textId="37DC7A5F" w:rsidR="00A93B82" w:rsidRPr="00620464" w:rsidRDefault="00A93B82" w:rsidP="00A93B82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620464">
              <w:rPr>
                <w:rFonts w:asciiTheme="majorHAnsi" w:hAnsiTheme="majorHAnsi"/>
                <w:b/>
                <w:szCs w:val="24"/>
              </w:rPr>
              <w:t>Antal elever, der har valgt opgave 1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39834ABE" w14:textId="77777777" w:rsidR="00A93B82" w:rsidRPr="00620464" w:rsidRDefault="00A93B82" w:rsidP="00663A9D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  <w:tr w:rsidR="00A93B82" w:rsidRPr="00620464" w14:paraId="2E2C138E" w14:textId="77777777" w:rsidTr="00384859">
        <w:tc>
          <w:tcPr>
            <w:tcW w:w="4531" w:type="dxa"/>
            <w:shd w:val="clear" w:color="auto" w:fill="auto"/>
            <w:vAlign w:val="center"/>
          </w:tcPr>
          <w:p w14:paraId="2E6CB4EE" w14:textId="6971F67C" w:rsidR="00A93B82" w:rsidRPr="00620464" w:rsidRDefault="00A93B82" w:rsidP="00A93B82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b/>
                <w:szCs w:val="24"/>
              </w:rPr>
            </w:pPr>
            <w:r w:rsidRPr="00620464">
              <w:rPr>
                <w:rFonts w:asciiTheme="majorHAnsi" w:hAnsiTheme="majorHAnsi"/>
                <w:b/>
                <w:szCs w:val="24"/>
              </w:rPr>
              <w:t>Antal elever, der har valgt opgave 2:</w:t>
            </w:r>
          </w:p>
        </w:tc>
        <w:tc>
          <w:tcPr>
            <w:tcW w:w="4673" w:type="dxa"/>
            <w:shd w:val="clear" w:color="auto" w:fill="auto"/>
            <w:vAlign w:val="center"/>
          </w:tcPr>
          <w:p w14:paraId="1B65DF16" w14:textId="77777777" w:rsidR="00A93B82" w:rsidRPr="00620464" w:rsidRDefault="00A93B82" w:rsidP="00A93B82">
            <w:pPr>
              <w:pStyle w:val="Brdtekst"/>
              <w:spacing w:before="60" w:after="60" w:line="240" w:lineRule="auto"/>
              <w:ind w:left="60" w:right="60"/>
              <w:rPr>
                <w:rFonts w:asciiTheme="majorHAnsi" w:hAnsiTheme="majorHAnsi"/>
                <w:szCs w:val="24"/>
              </w:rPr>
            </w:pPr>
          </w:p>
        </w:tc>
      </w:tr>
    </w:tbl>
    <w:p w14:paraId="0DBC3FC7" w14:textId="77777777" w:rsidR="00C162B7" w:rsidRPr="00620464" w:rsidRDefault="00C162B7" w:rsidP="00C162B7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204"/>
      </w:tblGrid>
      <w:tr w:rsidR="00620464" w:rsidRPr="00620464" w14:paraId="0EF8903D" w14:textId="77777777" w:rsidTr="00620464">
        <w:tc>
          <w:tcPr>
            <w:tcW w:w="9204" w:type="dxa"/>
            <w:shd w:val="clear" w:color="auto" w:fill="B9CCD7"/>
          </w:tcPr>
          <w:p w14:paraId="09E77177" w14:textId="358A31E7" w:rsidR="00C162B7" w:rsidRPr="00620464" w:rsidRDefault="00C162B7" w:rsidP="00053734">
            <w:pPr>
              <w:rPr>
                <w:b/>
              </w:rPr>
            </w:pPr>
            <w:r w:rsidRPr="00620464">
              <w:rPr>
                <w:b/>
                <w:sz w:val="28"/>
              </w:rPr>
              <w:t>Beskriv klassens</w:t>
            </w:r>
            <w:r w:rsidR="001131FD" w:rsidRPr="00620464">
              <w:rPr>
                <w:b/>
                <w:sz w:val="28"/>
              </w:rPr>
              <w:t>/holdets</w:t>
            </w:r>
            <w:r w:rsidRPr="00620464">
              <w:rPr>
                <w:b/>
                <w:sz w:val="28"/>
              </w:rPr>
              <w:t xml:space="preserve"> overordnede styrker</w:t>
            </w:r>
          </w:p>
        </w:tc>
      </w:tr>
      <w:tr w:rsidR="00C162B7" w:rsidRPr="00620464" w14:paraId="0812CA3D" w14:textId="77777777" w:rsidTr="00053734">
        <w:tc>
          <w:tcPr>
            <w:tcW w:w="9204" w:type="dxa"/>
          </w:tcPr>
          <w:p w14:paraId="70C23BDD" w14:textId="77777777" w:rsidR="00C162B7" w:rsidRPr="00620464" w:rsidRDefault="00C162B7" w:rsidP="00053734"/>
          <w:p w14:paraId="667F86F7" w14:textId="77777777" w:rsidR="00C162B7" w:rsidRPr="00620464" w:rsidRDefault="00C162B7" w:rsidP="00053734"/>
          <w:p w14:paraId="4569B155" w14:textId="77777777" w:rsidR="00C162B7" w:rsidRPr="00620464" w:rsidRDefault="00C162B7" w:rsidP="00053734"/>
          <w:p w14:paraId="02C4F089" w14:textId="77777777" w:rsidR="00C162B7" w:rsidRPr="00620464" w:rsidRDefault="00C162B7" w:rsidP="00053734"/>
          <w:p w14:paraId="584C6566" w14:textId="77777777" w:rsidR="00C162B7" w:rsidRPr="00620464" w:rsidRDefault="00C162B7" w:rsidP="00053734"/>
          <w:p w14:paraId="05DAEBA7" w14:textId="77777777" w:rsidR="00C162B7" w:rsidRPr="00620464" w:rsidRDefault="00C162B7" w:rsidP="00053734"/>
          <w:p w14:paraId="3A8F17DF" w14:textId="77777777" w:rsidR="00C162B7" w:rsidRPr="00620464" w:rsidRDefault="00C162B7" w:rsidP="00053734"/>
          <w:p w14:paraId="1E939450" w14:textId="77777777" w:rsidR="00C162B7" w:rsidRPr="00620464" w:rsidRDefault="00C162B7" w:rsidP="00053734"/>
          <w:p w14:paraId="1EAD93C9" w14:textId="77777777" w:rsidR="00C162B7" w:rsidRPr="00620464" w:rsidRDefault="00C162B7" w:rsidP="00053734"/>
          <w:p w14:paraId="040B4DE1" w14:textId="77777777" w:rsidR="00C162B7" w:rsidRPr="00620464" w:rsidRDefault="00C162B7" w:rsidP="00053734"/>
          <w:p w14:paraId="40B76BA2" w14:textId="77777777" w:rsidR="00C162B7" w:rsidRPr="00620464" w:rsidRDefault="00C162B7" w:rsidP="00053734"/>
          <w:p w14:paraId="57A8F6D9" w14:textId="77777777" w:rsidR="00C162B7" w:rsidRPr="00620464" w:rsidRDefault="00C162B7" w:rsidP="00053734"/>
        </w:tc>
      </w:tr>
    </w:tbl>
    <w:p w14:paraId="53E52CBF" w14:textId="77777777" w:rsidR="00C162B7" w:rsidRPr="00620464" w:rsidRDefault="00C162B7" w:rsidP="00C162B7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204"/>
      </w:tblGrid>
      <w:tr w:rsidR="00620464" w:rsidRPr="00620464" w14:paraId="08A9FFAA" w14:textId="77777777" w:rsidTr="00620464">
        <w:tc>
          <w:tcPr>
            <w:tcW w:w="9628" w:type="dxa"/>
            <w:shd w:val="clear" w:color="auto" w:fill="B9CCD7"/>
          </w:tcPr>
          <w:p w14:paraId="19F28A22" w14:textId="70F0B92A" w:rsidR="00C162B7" w:rsidRPr="00620464" w:rsidRDefault="00C162B7" w:rsidP="00053734">
            <w:pPr>
              <w:rPr>
                <w:b/>
              </w:rPr>
            </w:pPr>
            <w:r w:rsidRPr="00620464">
              <w:rPr>
                <w:b/>
                <w:sz w:val="28"/>
              </w:rPr>
              <w:t>Beskriv klassens</w:t>
            </w:r>
            <w:r w:rsidR="001131FD" w:rsidRPr="00620464">
              <w:rPr>
                <w:b/>
                <w:sz w:val="28"/>
              </w:rPr>
              <w:t>/holdets</w:t>
            </w:r>
            <w:r w:rsidRPr="00620464">
              <w:rPr>
                <w:b/>
                <w:sz w:val="28"/>
              </w:rPr>
              <w:t xml:space="preserve"> overordnede udviklingspotentialer</w:t>
            </w:r>
          </w:p>
        </w:tc>
      </w:tr>
      <w:tr w:rsidR="00C162B7" w:rsidRPr="00620464" w14:paraId="2117D05F" w14:textId="77777777" w:rsidTr="00053734">
        <w:tc>
          <w:tcPr>
            <w:tcW w:w="9628" w:type="dxa"/>
          </w:tcPr>
          <w:p w14:paraId="7CC1D0E8" w14:textId="77777777" w:rsidR="00C162B7" w:rsidRPr="00620464" w:rsidRDefault="00C162B7" w:rsidP="00053734"/>
          <w:p w14:paraId="32783E4E" w14:textId="77777777" w:rsidR="00C162B7" w:rsidRPr="00620464" w:rsidRDefault="00C162B7" w:rsidP="00053734"/>
          <w:p w14:paraId="49FB1113" w14:textId="77777777" w:rsidR="00C162B7" w:rsidRPr="00620464" w:rsidRDefault="00C162B7" w:rsidP="00053734"/>
          <w:p w14:paraId="3FCADE78" w14:textId="77777777" w:rsidR="00C162B7" w:rsidRPr="00620464" w:rsidRDefault="00C162B7" w:rsidP="00053734"/>
          <w:p w14:paraId="64C56FE4" w14:textId="77777777" w:rsidR="00C162B7" w:rsidRPr="00620464" w:rsidRDefault="00C162B7" w:rsidP="00053734"/>
          <w:p w14:paraId="056276EB" w14:textId="77777777" w:rsidR="00C162B7" w:rsidRPr="00620464" w:rsidRDefault="00C162B7" w:rsidP="00053734"/>
          <w:p w14:paraId="2D78B6DE" w14:textId="77777777" w:rsidR="00C162B7" w:rsidRPr="00620464" w:rsidRDefault="00C162B7" w:rsidP="00053734"/>
          <w:p w14:paraId="0B0C1D8C" w14:textId="77777777" w:rsidR="00C162B7" w:rsidRPr="00620464" w:rsidRDefault="00C162B7" w:rsidP="00053734"/>
          <w:p w14:paraId="6AD62E7E" w14:textId="77777777" w:rsidR="00C162B7" w:rsidRPr="00620464" w:rsidRDefault="00C162B7" w:rsidP="00053734"/>
          <w:p w14:paraId="35C27F2D" w14:textId="77777777" w:rsidR="00C162B7" w:rsidRPr="00620464" w:rsidRDefault="00C162B7" w:rsidP="00053734"/>
          <w:p w14:paraId="0195AE4E" w14:textId="77777777" w:rsidR="00C162B7" w:rsidRPr="00620464" w:rsidRDefault="00C162B7" w:rsidP="00053734"/>
          <w:p w14:paraId="664C885A" w14:textId="77777777" w:rsidR="00C162B7" w:rsidRPr="00620464" w:rsidRDefault="00C162B7" w:rsidP="00053734"/>
        </w:tc>
      </w:tr>
    </w:tbl>
    <w:p w14:paraId="29A18C21" w14:textId="1DDD74BF" w:rsidR="00C64ADF" w:rsidRPr="00620464" w:rsidRDefault="00C64ADF" w:rsidP="00C162B7">
      <w:pPr>
        <w:pStyle w:val="Brdtekst"/>
      </w:pPr>
    </w:p>
    <w:p w14:paraId="53D4865F" w14:textId="61E29CED" w:rsidR="00C64ADF" w:rsidRPr="00620464" w:rsidRDefault="00C64ADF">
      <w:pPr>
        <w:rPr>
          <w:rFonts w:eastAsia="Times New Roman" w:cs="Times New Roman"/>
          <w:szCs w:val="20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204"/>
      </w:tblGrid>
      <w:tr w:rsidR="00620464" w:rsidRPr="00620464" w14:paraId="42242464" w14:textId="77777777" w:rsidTr="00620464">
        <w:tc>
          <w:tcPr>
            <w:tcW w:w="9204" w:type="dxa"/>
            <w:shd w:val="clear" w:color="auto" w:fill="B9CCD7"/>
          </w:tcPr>
          <w:p w14:paraId="7871D5CD" w14:textId="47F6A918" w:rsidR="00C162B7" w:rsidRPr="00620464" w:rsidRDefault="00C162B7" w:rsidP="00053734">
            <w:pPr>
              <w:rPr>
                <w:b/>
              </w:rPr>
            </w:pPr>
            <w:r w:rsidRPr="00620464">
              <w:br w:type="page"/>
            </w:r>
            <w:r w:rsidRPr="00620464">
              <w:rPr>
                <w:b/>
                <w:sz w:val="28"/>
              </w:rPr>
              <w:t>Censors øvrige bemærkninger</w:t>
            </w:r>
          </w:p>
        </w:tc>
      </w:tr>
      <w:tr w:rsidR="00620464" w:rsidRPr="00620464" w14:paraId="610E8FEE" w14:textId="77777777" w:rsidTr="00053734">
        <w:tc>
          <w:tcPr>
            <w:tcW w:w="9204" w:type="dxa"/>
          </w:tcPr>
          <w:p w14:paraId="7F94E12C" w14:textId="77777777" w:rsidR="00C162B7" w:rsidRPr="00620464" w:rsidRDefault="00C162B7" w:rsidP="00053734"/>
          <w:p w14:paraId="0D8F54D1" w14:textId="77777777" w:rsidR="00C162B7" w:rsidRPr="00620464" w:rsidRDefault="00C162B7" w:rsidP="00053734"/>
          <w:p w14:paraId="4EB584E8" w14:textId="77777777" w:rsidR="00C162B7" w:rsidRPr="00620464" w:rsidRDefault="00C162B7" w:rsidP="00053734"/>
          <w:p w14:paraId="24B88DDA" w14:textId="77777777" w:rsidR="00C162B7" w:rsidRPr="00620464" w:rsidRDefault="00C162B7" w:rsidP="00053734"/>
          <w:p w14:paraId="5726A84E" w14:textId="77777777" w:rsidR="00C162B7" w:rsidRPr="00620464" w:rsidRDefault="00C162B7" w:rsidP="00053734"/>
          <w:p w14:paraId="01139673" w14:textId="77777777" w:rsidR="00C162B7" w:rsidRPr="00620464" w:rsidRDefault="00C162B7" w:rsidP="00053734"/>
          <w:p w14:paraId="677F72A5" w14:textId="77777777" w:rsidR="00C162B7" w:rsidRPr="00620464" w:rsidRDefault="00C162B7" w:rsidP="00053734"/>
          <w:p w14:paraId="1F5E1EFA" w14:textId="77777777" w:rsidR="00C162B7" w:rsidRPr="00620464" w:rsidRDefault="00C162B7" w:rsidP="00053734"/>
          <w:p w14:paraId="78D7257F" w14:textId="77777777" w:rsidR="00C162B7" w:rsidRPr="00620464" w:rsidRDefault="00C162B7" w:rsidP="00053734"/>
          <w:p w14:paraId="70C680AE" w14:textId="77777777" w:rsidR="00C162B7" w:rsidRPr="00620464" w:rsidRDefault="00C162B7" w:rsidP="00053734"/>
          <w:p w14:paraId="0A4383AF" w14:textId="77777777" w:rsidR="00C162B7" w:rsidRPr="00620464" w:rsidRDefault="00C162B7" w:rsidP="00053734"/>
          <w:p w14:paraId="5B1F7669" w14:textId="77777777" w:rsidR="00C162B7" w:rsidRPr="00620464" w:rsidRDefault="00C162B7" w:rsidP="00053734"/>
        </w:tc>
      </w:tr>
    </w:tbl>
    <w:p w14:paraId="52E67ED8" w14:textId="77777777" w:rsidR="00CC67DB" w:rsidRPr="00620464" w:rsidRDefault="00CC67DB" w:rsidP="00CC67DB">
      <w:pPr>
        <w:pStyle w:val="O2-Udennr"/>
      </w:pPr>
      <w:r w:rsidRPr="00620464">
        <w:t xml:space="preserve">Kun til censor: </w:t>
      </w:r>
    </w:p>
    <w:p w14:paraId="6F9CFAB5" w14:textId="1F6B2D41" w:rsidR="00CC67DB" w:rsidRPr="00620464" w:rsidRDefault="00CC67DB" w:rsidP="00CC67DB">
      <w:r w:rsidRPr="00620464">
        <w:t>Tilbagemeldingsskemaet udfyldes og sendes til skolen sammen med elevbesvarelserne med sikker post eller som PDF til skolens mailadresse. Læs mere i vejledningen til tilbagemeldingsordningen.</w:t>
      </w:r>
    </w:p>
    <w:p w14:paraId="7A95B14C" w14:textId="77777777" w:rsidR="00CC67DB" w:rsidRPr="00620464" w:rsidRDefault="00CC67DB" w:rsidP="00CC67DB"/>
    <w:p w14:paraId="3CF73B28" w14:textId="77777777" w:rsidR="00C162B7" w:rsidRPr="00620464" w:rsidRDefault="00C162B7" w:rsidP="00C162B7">
      <w:pPr>
        <w:tabs>
          <w:tab w:val="left" w:pos="1870"/>
        </w:tabs>
      </w:pPr>
    </w:p>
    <w:tbl>
      <w:tblPr>
        <w:tblStyle w:val="Blank"/>
        <w:tblW w:w="5000" w:type="pct"/>
        <w:shd w:val="clear" w:color="auto" w:fill="C0BFBF" w:themeFill="background2"/>
        <w:tblLayout w:type="fixed"/>
        <w:tblLook w:val="04A0" w:firstRow="1" w:lastRow="0" w:firstColumn="1" w:lastColumn="0" w:noHBand="0" w:noVBand="1"/>
      </w:tblPr>
      <w:tblGrid>
        <w:gridCol w:w="9214"/>
      </w:tblGrid>
      <w:tr w:rsidR="00620464" w:rsidRPr="00620464" w14:paraId="7DBDB0A5" w14:textId="77777777" w:rsidTr="00620464">
        <w:tc>
          <w:tcPr>
            <w:tcW w:w="7162" w:type="dxa"/>
            <w:shd w:val="clear" w:color="auto" w:fill="B9CCD7"/>
          </w:tcPr>
          <w:p w14:paraId="73A53011" w14:textId="04F2A216" w:rsidR="00C162B7" w:rsidRPr="00620464" w:rsidRDefault="00C213AA" w:rsidP="00053734">
            <w:pPr>
              <w:pStyle w:val="Faktaboks-Overskrift1"/>
              <w:rPr>
                <w:rFonts w:asciiTheme="majorHAnsi" w:hAnsiTheme="majorHAnsi"/>
                <w:b/>
                <w:color w:val="auto"/>
                <w:sz w:val="28"/>
              </w:rPr>
            </w:pPr>
            <w:r w:rsidRPr="00620464">
              <w:rPr>
                <w:rFonts w:asciiTheme="majorHAnsi" w:hAnsiTheme="majorHAnsi"/>
                <w:b/>
                <w:color w:val="auto"/>
                <w:sz w:val="28"/>
              </w:rPr>
              <w:t xml:space="preserve">Eksempler på </w:t>
            </w:r>
            <w:r w:rsidR="00272BB4" w:rsidRPr="00620464">
              <w:rPr>
                <w:rFonts w:asciiTheme="majorHAnsi" w:hAnsiTheme="majorHAnsi"/>
                <w:b/>
                <w:color w:val="auto"/>
                <w:sz w:val="28"/>
              </w:rPr>
              <w:t>emner til tilbagemelding</w:t>
            </w:r>
            <w:r w:rsidR="00C162B7" w:rsidRPr="00620464">
              <w:rPr>
                <w:rFonts w:asciiTheme="majorHAnsi" w:hAnsiTheme="majorHAnsi"/>
                <w:b/>
                <w:color w:val="auto"/>
                <w:sz w:val="28"/>
              </w:rPr>
              <w:t xml:space="preserve"> </w:t>
            </w:r>
          </w:p>
          <w:p w14:paraId="0459F237" w14:textId="3F05ABD2" w:rsidR="00272BB4" w:rsidRPr="00620464" w:rsidRDefault="00C213AA" w:rsidP="00663206">
            <w:pPr>
              <w:pStyle w:val="Fakaboks-Tekst"/>
              <w:rPr>
                <w:rFonts w:asciiTheme="majorHAnsi" w:hAnsiTheme="majorHAnsi"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color w:val="auto"/>
                <w:sz w:val="24"/>
              </w:rPr>
              <w:t>I din t</w:t>
            </w:r>
            <w:r w:rsidR="00C162B7" w:rsidRPr="00620464">
              <w:rPr>
                <w:rFonts w:asciiTheme="majorHAnsi" w:hAnsiTheme="majorHAnsi"/>
                <w:color w:val="auto"/>
                <w:sz w:val="24"/>
              </w:rPr>
              <w:t xml:space="preserve">ilbagemelding </w:t>
            </w:r>
            <w:r w:rsidR="00BD67C5" w:rsidRPr="00620464">
              <w:rPr>
                <w:rFonts w:asciiTheme="majorHAnsi" w:hAnsiTheme="majorHAnsi"/>
                <w:color w:val="auto"/>
                <w:sz w:val="24"/>
              </w:rPr>
              <w:t>skal</w:t>
            </w:r>
            <w:r w:rsidRPr="00620464">
              <w:rPr>
                <w:rFonts w:asciiTheme="majorHAnsi" w:hAnsiTheme="majorHAnsi"/>
                <w:color w:val="auto"/>
                <w:sz w:val="24"/>
              </w:rPr>
              <w:t xml:space="preserve"> du give konstruktiv feedback </w:t>
            </w:r>
            <w:r w:rsidR="00272BB4" w:rsidRPr="00620464">
              <w:rPr>
                <w:rFonts w:asciiTheme="majorHAnsi" w:hAnsiTheme="majorHAnsi"/>
                <w:color w:val="auto"/>
                <w:sz w:val="24"/>
              </w:rPr>
              <w:t>om</w:t>
            </w:r>
            <w:r w:rsidR="00C162B7" w:rsidRPr="00620464">
              <w:rPr>
                <w:rFonts w:asciiTheme="majorHAnsi" w:hAnsiTheme="majorHAnsi"/>
                <w:color w:val="auto"/>
                <w:sz w:val="24"/>
              </w:rPr>
              <w:t xml:space="preserve"> klassens</w:t>
            </w:r>
            <w:r w:rsidR="008C2024" w:rsidRPr="00620464">
              <w:rPr>
                <w:rFonts w:asciiTheme="majorHAnsi" w:hAnsiTheme="majorHAnsi"/>
                <w:color w:val="auto"/>
                <w:sz w:val="24"/>
              </w:rPr>
              <w:t>/holdets</w:t>
            </w:r>
            <w:r w:rsidR="00C162B7" w:rsidRPr="00620464">
              <w:rPr>
                <w:rFonts w:asciiTheme="majorHAnsi" w:hAnsiTheme="majorHAnsi"/>
                <w:color w:val="auto"/>
                <w:sz w:val="24"/>
              </w:rPr>
              <w:t xml:space="preserve"> styrker og udvikl</w:t>
            </w:r>
            <w:r w:rsidRPr="00620464">
              <w:rPr>
                <w:rFonts w:asciiTheme="majorHAnsi" w:hAnsiTheme="majorHAnsi"/>
                <w:color w:val="auto"/>
                <w:sz w:val="24"/>
              </w:rPr>
              <w:t>ingspotentialer i forhold til de punkter eller emner, som du vurderer er relevante</w:t>
            </w:r>
            <w:r w:rsidR="00272BB4" w:rsidRPr="00620464">
              <w:rPr>
                <w:rFonts w:asciiTheme="majorHAnsi" w:hAnsiTheme="majorHAnsi"/>
                <w:color w:val="auto"/>
                <w:sz w:val="24"/>
              </w:rPr>
              <w:t xml:space="preserve"> for den pågældende klasse</w:t>
            </w:r>
            <w:r w:rsidR="008C2024" w:rsidRPr="00620464">
              <w:rPr>
                <w:rFonts w:asciiTheme="majorHAnsi" w:hAnsiTheme="majorHAnsi"/>
                <w:color w:val="auto"/>
                <w:sz w:val="24"/>
              </w:rPr>
              <w:t>/hold</w:t>
            </w:r>
            <w:r w:rsidRPr="00620464">
              <w:rPr>
                <w:rFonts w:asciiTheme="majorHAnsi" w:hAnsiTheme="majorHAnsi"/>
                <w:color w:val="auto"/>
                <w:sz w:val="24"/>
              </w:rPr>
              <w:t xml:space="preserve">. </w:t>
            </w:r>
          </w:p>
          <w:p w14:paraId="157B8B69" w14:textId="77777777" w:rsidR="00272BB4" w:rsidRPr="00620464" w:rsidRDefault="00272BB4" w:rsidP="00663206">
            <w:pPr>
              <w:pStyle w:val="Fakaboks-Tekst"/>
              <w:rPr>
                <w:rFonts w:asciiTheme="majorHAnsi" w:hAnsiTheme="majorHAnsi"/>
                <w:color w:val="auto"/>
                <w:sz w:val="24"/>
              </w:rPr>
            </w:pPr>
          </w:p>
          <w:p w14:paraId="3C765161" w14:textId="7F85C68E" w:rsidR="00663206" w:rsidRPr="00620464" w:rsidRDefault="00C213AA" w:rsidP="00663206">
            <w:pPr>
              <w:pStyle w:val="Fakaboks-Tekst"/>
              <w:rPr>
                <w:rFonts w:asciiTheme="majorHAnsi" w:hAnsiTheme="majorHAnsi"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color w:val="auto"/>
                <w:sz w:val="24"/>
              </w:rPr>
              <w:t xml:space="preserve">Du kan </w:t>
            </w:r>
            <w:r w:rsidR="0094193B" w:rsidRPr="00620464">
              <w:rPr>
                <w:rFonts w:asciiTheme="majorHAnsi" w:hAnsiTheme="majorHAnsi"/>
                <w:color w:val="auto"/>
                <w:sz w:val="24"/>
              </w:rPr>
              <w:t xml:space="preserve">fx </w:t>
            </w:r>
            <w:r w:rsidRPr="00620464">
              <w:rPr>
                <w:rFonts w:asciiTheme="majorHAnsi" w:hAnsiTheme="majorHAnsi"/>
                <w:color w:val="auto"/>
                <w:sz w:val="24"/>
              </w:rPr>
              <w:t>hente inspiration fra</w:t>
            </w:r>
            <w:r w:rsidR="00CD5E4A" w:rsidRPr="00620464">
              <w:rPr>
                <w:rFonts w:asciiTheme="majorHAnsi" w:hAnsiTheme="majorHAnsi"/>
                <w:color w:val="auto"/>
                <w:sz w:val="24"/>
              </w:rPr>
              <w:t xml:space="preserve"> vurderingsskemaet i fransk</w:t>
            </w:r>
            <w:r w:rsidR="00F3430D" w:rsidRPr="00620464">
              <w:rPr>
                <w:rFonts w:asciiTheme="majorHAnsi" w:hAnsiTheme="majorHAnsi"/>
                <w:color w:val="auto"/>
                <w:sz w:val="24"/>
              </w:rPr>
              <w:t xml:space="preserve"> i 10</w:t>
            </w:r>
            <w:r w:rsidR="0094193B" w:rsidRPr="00620464">
              <w:rPr>
                <w:rFonts w:asciiTheme="majorHAnsi" w:hAnsiTheme="majorHAnsi"/>
                <w:color w:val="auto"/>
                <w:sz w:val="24"/>
              </w:rPr>
              <w:t>. klasse</w:t>
            </w:r>
            <w:r w:rsidRPr="00620464">
              <w:rPr>
                <w:rFonts w:asciiTheme="majorHAnsi" w:hAnsiTheme="majorHAnsi"/>
                <w:color w:val="auto"/>
                <w:sz w:val="24"/>
              </w:rPr>
              <w:t>:</w:t>
            </w:r>
          </w:p>
          <w:p w14:paraId="4BA1158B" w14:textId="77777777" w:rsidR="00C162B7" w:rsidRPr="00620464" w:rsidRDefault="00C162B7" w:rsidP="00053734">
            <w:pPr>
              <w:pStyle w:val="Fakaboks-Tekst"/>
              <w:rPr>
                <w:rFonts w:asciiTheme="majorHAnsi" w:hAnsiTheme="majorHAnsi"/>
                <w:color w:val="auto"/>
                <w:sz w:val="24"/>
              </w:rPr>
            </w:pPr>
          </w:p>
          <w:p w14:paraId="69D81535" w14:textId="2E9332F1" w:rsidR="00BD400B" w:rsidRPr="00620464" w:rsidRDefault="00DD2CF6" w:rsidP="00BD400B">
            <w:pPr>
              <w:pStyle w:val="Fakaboks-Tekst"/>
              <w:rPr>
                <w:rFonts w:asciiTheme="majorHAnsi" w:hAnsiTheme="majorHAnsi"/>
                <w:b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b/>
                <w:color w:val="auto"/>
                <w:sz w:val="24"/>
              </w:rPr>
              <w:t xml:space="preserve">Formelle og konkrete </w:t>
            </w:r>
            <w:r w:rsidR="00BD400B" w:rsidRPr="00620464">
              <w:rPr>
                <w:rFonts w:asciiTheme="majorHAnsi" w:hAnsiTheme="majorHAnsi"/>
                <w:b/>
                <w:color w:val="auto"/>
                <w:sz w:val="24"/>
              </w:rPr>
              <w:t>skrivekrav:</w:t>
            </w:r>
          </w:p>
          <w:p w14:paraId="2793D4C6" w14:textId="47D991C4" w:rsidR="00BD400B" w:rsidRPr="00620464" w:rsidRDefault="00BD400B" w:rsidP="00BD400B">
            <w:pPr>
              <w:pStyle w:val="Fakaboks-Tekst"/>
              <w:numPr>
                <w:ilvl w:val="0"/>
                <w:numId w:val="31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color w:val="auto"/>
                <w:sz w:val="24"/>
              </w:rPr>
              <w:t>Besvarer eleven de stillede opgaver</w:t>
            </w:r>
            <w:r w:rsidR="00DD2CF6" w:rsidRPr="00620464">
              <w:rPr>
                <w:rFonts w:asciiTheme="majorHAnsi" w:hAnsiTheme="majorHAnsi"/>
                <w:color w:val="auto"/>
                <w:sz w:val="24"/>
              </w:rPr>
              <w:t xml:space="preserve"> i te</w:t>
            </w:r>
            <w:r w:rsidR="00F3430D" w:rsidRPr="00620464">
              <w:rPr>
                <w:rFonts w:asciiTheme="majorHAnsi" w:hAnsiTheme="majorHAnsi"/>
                <w:color w:val="auto"/>
                <w:sz w:val="24"/>
              </w:rPr>
              <w:t>ksten</w:t>
            </w:r>
            <w:r w:rsidRPr="00620464">
              <w:rPr>
                <w:rFonts w:asciiTheme="majorHAnsi" w:hAnsiTheme="majorHAnsi"/>
                <w:color w:val="auto"/>
                <w:sz w:val="24"/>
              </w:rPr>
              <w:t>?</w:t>
            </w:r>
          </w:p>
          <w:p w14:paraId="65CEC707" w14:textId="3137A3A7" w:rsidR="00BD400B" w:rsidRPr="00620464" w:rsidRDefault="00BD400B" w:rsidP="00BD400B">
            <w:pPr>
              <w:pStyle w:val="Fakaboks-Tekst"/>
              <w:numPr>
                <w:ilvl w:val="0"/>
                <w:numId w:val="31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color w:val="auto"/>
                <w:sz w:val="24"/>
              </w:rPr>
              <w:t>Overhold</w:t>
            </w:r>
            <w:r w:rsidR="0094193B" w:rsidRPr="00620464">
              <w:rPr>
                <w:rFonts w:asciiTheme="majorHAnsi" w:hAnsiTheme="majorHAnsi"/>
                <w:color w:val="auto"/>
                <w:sz w:val="24"/>
              </w:rPr>
              <w:t>er eleven prøveoplæggets angivelse af</w:t>
            </w:r>
            <w:r w:rsidRPr="00620464">
              <w:rPr>
                <w:rFonts w:asciiTheme="majorHAnsi" w:hAnsiTheme="majorHAnsi"/>
                <w:color w:val="auto"/>
                <w:sz w:val="24"/>
              </w:rPr>
              <w:t xml:space="preserve"> antal ord?</w:t>
            </w:r>
          </w:p>
          <w:p w14:paraId="09BD77CE" w14:textId="77777777" w:rsidR="00C162B7" w:rsidRPr="00620464" w:rsidRDefault="00C162B7" w:rsidP="00053734">
            <w:pPr>
              <w:pStyle w:val="Fakaboks-Tekst"/>
              <w:rPr>
                <w:rFonts w:asciiTheme="majorHAnsi" w:hAnsiTheme="majorHAnsi"/>
                <w:color w:val="auto"/>
                <w:sz w:val="24"/>
              </w:rPr>
            </w:pPr>
          </w:p>
          <w:p w14:paraId="49DF3D8A" w14:textId="17F910BA" w:rsidR="00031C71" w:rsidRPr="00620464" w:rsidRDefault="00BD400B" w:rsidP="00031C71">
            <w:pPr>
              <w:pStyle w:val="Fakaboks-Tekst"/>
              <w:rPr>
                <w:rFonts w:asciiTheme="majorHAnsi" w:hAnsiTheme="majorHAnsi"/>
                <w:b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b/>
                <w:color w:val="auto"/>
                <w:sz w:val="24"/>
              </w:rPr>
              <w:t>Kommunikation:</w:t>
            </w:r>
          </w:p>
          <w:p w14:paraId="39F85D5A" w14:textId="2F3CFA97" w:rsidR="00BD400B" w:rsidRPr="00620464" w:rsidRDefault="00F3430D" w:rsidP="00BD400B">
            <w:pPr>
              <w:pStyle w:val="Fakaboks-Tekst"/>
              <w:numPr>
                <w:ilvl w:val="0"/>
                <w:numId w:val="30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color w:val="auto"/>
                <w:sz w:val="24"/>
              </w:rPr>
              <w:t>Er teksten</w:t>
            </w:r>
            <w:r w:rsidR="00BD400B" w:rsidRPr="00620464">
              <w:rPr>
                <w:rFonts w:asciiTheme="majorHAnsi" w:hAnsiTheme="majorHAnsi"/>
                <w:color w:val="auto"/>
                <w:sz w:val="24"/>
              </w:rPr>
              <w:t xml:space="preserve"> forståelig, sammenhængende og meningsfuld i et enkelt sprog? </w:t>
            </w:r>
          </w:p>
          <w:p w14:paraId="08221ECA" w14:textId="3B973FAF" w:rsidR="00BD400B" w:rsidRPr="00620464" w:rsidRDefault="004721D2" w:rsidP="00BD400B">
            <w:pPr>
              <w:pStyle w:val="Fakaboks-Tekst"/>
              <w:numPr>
                <w:ilvl w:val="0"/>
                <w:numId w:val="30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color w:val="auto"/>
                <w:sz w:val="24"/>
              </w:rPr>
              <w:t>Indeholder teksten</w:t>
            </w:r>
            <w:r w:rsidR="00BD400B" w:rsidRPr="00620464">
              <w:rPr>
                <w:rFonts w:asciiTheme="majorHAnsi" w:hAnsiTheme="majorHAnsi"/>
                <w:color w:val="auto"/>
                <w:sz w:val="24"/>
              </w:rPr>
              <w:t xml:space="preserve"> relevant ordforråd (ord</w:t>
            </w:r>
            <w:r w:rsidR="0094193B" w:rsidRPr="00620464">
              <w:rPr>
                <w:rFonts w:asciiTheme="majorHAnsi" w:hAnsiTheme="majorHAnsi"/>
                <w:color w:val="auto"/>
                <w:sz w:val="24"/>
              </w:rPr>
              <w:t xml:space="preserve"> inden for temaet</w:t>
            </w:r>
            <w:r w:rsidR="00BD400B" w:rsidRPr="00620464">
              <w:rPr>
                <w:rFonts w:asciiTheme="majorHAnsi" w:hAnsiTheme="majorHAnsi"/>
                <w:color w:val="auto"/>
                <w:sz w:val="24"/>
              </w:rPr>
              <w:t xml:space="preserve">, </w:t>
            </w:r>
            <w:proofErr w:type="spellStart"/>
            <w:r w:rsidR="00BD400B" w:rsidRPr="00620464">
              <w:rPr>
                <w:rFonts w:asciiTheme="majorHAnsi" w:hAnsiTheme="majorHAnsi"/>
                <w:color w:val="auto"/>
                <w:sz w:val="24"/>
              </w:rPr>
              <w:t>chunks</w:t>
            </w:r>
            <w:proofErr w:type="spellEnd"/>
            <w:r w:rsidR="00BD400B" w:rsidRPr="00620464">
              <w:rPr>
                <w:rFonts w:asciiTheme="majorHAnsi" w:hAnsiTheme="majorHAnsi"/>
                <w:color w:val="auto"/>
                <w:sz w:val="24"/>
              </w:rPr>
              <w:t xml:space="preserve"> og </w:t>
            </w:r>
            <w:proofErr w:type="spellStart"/>
            <w:r w:rsidR="00BD400B" w:rsidRPr="00620464">
              <w:rPr>
                <w:rFonts w:asciiTheme="majorHAnsi" w:hAnsiTheme="majorHAnsi"/>
                <w:color w:val="auto"/>
                <w:sz w:val="24"/>
              </w:rPr>
              <w:t>sætningsforbindere</w:t>
            </w:r>
            <w:proofErr w:type="spellEnd"/>
            <w:r w:rsidR="00BD400B" w:rsidRPr="00620464">
              <w:rPr>
                <w:rFonts w:asciiTheme="majorHAnsi" w:hAnsiTheme="majorHAnsi"/>
                <w:color w:val="auto"/>
                <w:sz w:val="24"/>
              </w:rPr>
              <w:t>)?</w:t>
            </w:r>
          </w:p>
          <w:p w14:paraId="2003DDBD" w14:textId="77777777" w:rsidR="00BD400B" w:rsidRPr="00620464" w:rsidRDefault="00BD400B" w:rsidP="00BD400B">
            <w:pPr>
              <w:pStyle w:val="Fakaboks-Tekst"/>
              <w:numPr>
                <w:ilvl w:val="0"/>
                <w:numId w:val="30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color w:val="auto"/>
                <w:sz w:val="24"/>
              </w:rPr>
              <w:t>Er der anvendt centrale sprogbrugsregler (sætningsopbygning, kongruens og retskrivning) i teksten, så kommunikationen lykkes?</w:t>
            </w:r>
          </w:p>
          <w:p w14:paraId="43C1E15F" w14:textId="4EAE57EA" w:rsidR="00031C71" w:rsidRPr="00620464" w:rsidRDefault="00031C71" w:rsidP="00053734">
            <w:pPr>
              <w:pStyle w:val="Fakaboks-Tekst"/>
              <w:ind w:left="1004"/>
              <w:rPr>
                <w:rFonts w:asciiTheme="majorHAnsi" w:hAnsiTheme="majorHAnsi"/>
                <w:color w:val="auto"/>
                <w:sz w:val="24"/>
              </w:rPr>
            </w:pPr>
          </w:p>
          <w:p w14:paraId="3D0E5E51" w14:textId="771437BE" w:rsidR="00C162B7" w:rsidRPr="00620464" w:rsidRDefault="00BD400B" w:rsidP="00053734">
            <w:pPr>
              <w:pStyle w:val="Fakaboks-Tekst"/>
              <w:rPr>
                <w:rFonts w:asciiTheme="majorHAnsi" w:hAnsiTheme="majorHAnsi"/>
                <w:b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b/>
                <w:color w:val="auto"/>
                <w:sz w:val="24"/>
              </w:rPr>
              <w:t>Fiktivt kulturmøde:</w:t>
            </w:r>
          </w:p>
          <w:p w14:paraId="59A04492" w14:textId="77777777" w:rsidR="00BD400B" w:rsidRPr="00620464" w:rsidRDefault="00BD400B" w:rsidP="00BD400B">
            <w:pPr>
              <w:pStyle w:val="Fakaboks-Tekst"/>
              <w:numPr>
                <w:ilvl w:val="0"/>
                <w:numId w:val="29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color w:val="auto"/>
                <w:sz w:val="24"/>
              </w:rPr>
              <w:t>Er teksten tilpasset i forhold til teksttype og -situation?</w:t>
            </w:r>
          </w:p>
          <w:p w14:paraId="74738B7F" w14:textId="47CFD5EC" w:rsidR="00BD400B" w:rsidRPr="00620464" w:rsidRDefault="00BD400B" w:rsidP="00BD400B">
            <w:pPr>
              <w:pStyle w:val="Fakaboks-Tekst"/>
              <w:numPr>
                <w:ilvl w:val="0"/>
                <w:numId w:val="29"/>
              </w:numPr>
              <w:rPr>
                <w:rFonts w:asciiTheme="majorHAnsi" w:hAnsiTheme="majorHAnsi"/>
                <w:color w:val="auto"/>
                <w:sz w:val="24"/>
              </w:rPr>
            </w:pPr>
            <w:r w:rsidRPr="00620464">
              <w:rPr>
                <w:rFonts w:asciiTheme="majorHAnsi" w:hAnsiTheme="majorHAnsi"/>
                <w:color w:val="auto"/>
                <w:sz w:val="24"/>
              </w:rPr>
              <w:t>Er teksten tilpasset afsender- og m</w:t>
            </w:r>
            <w:r w:rsidR="00016079" w:rsidRPr="00620464">
              <w:rPr>
                <w:rFonts w:asciiTheme="majorHAnsi" w:hAnsiTheme="majorHAnsi"/>
                <w:color w:val="auto"/>
                <w:sz w:val="24"/>
              </w:rPr>
              <w:t xml:space="preserve">odtagerforhold (inkl. </w:t>
            </w:r>
            <w:r w:rsidRPr="00620464">
              <w:rPr>
                <w:rFonts w:asciiTheme="majorHAnsi" w:hAnsiTheme="majorHAnsi"/>
                <w:color w:val="auto"/>
                <w:sz w:val="24"/>
              </w:rPr>
              <w:t>egne erfaringer)?</w:t>
            </w:r>
          </w:p>
          <w:p w14:paraId="0CC1B15B" w14:textId="12A97282" w:rsidR="00031C71" w:rsidRPr="00620464" w:rsidRDefault="00031C71" w:rsidP="00C213AA">
            <w:pPr>
              <w:pStyle w:val="Fakaboks-Tekst"/>
              <w:ind w:left="0"/>
              <w:rPr>
                <w:color w:val="auto"/>
              </w:rPr>
            </w:pPr>
          </w:p>
        </w:tc>
      </w:tr>
    </w:tbl>
    <w:p w14:paraId="0FA52529" w14:textId="4D8F439A" w:rsidR="00C162B7" w:rsidRPr="00620464" w:rsidRDefault="00C162B7" w:rsidP="00C162B7"/>
    <w:p w14:paraId="0C213D25" w14:textId="77777777" w:rsidR="00C162B7" w:rsidRPr="00620464" w:rsidRDefault="00C162B7" w:rsidP="00C162B7"/>
    <w:p w14:paraId="6B9ACE31" w14:textId="77777777" w:rsidR="00342A64" w:rsidRPr="009643CC" w:rsidRDefault="00342A64" w:rsidP="009643CC"/>
    <w:sectPr w:rsidR="00342A64" w:rsidRPr="009643CC" w:rsidSect="009643CC">
      <w:footerReference w:type="default" r:id="rId9"/>
      <w:headerReference w:type="first" r:id="rId10"/>
      <w:pgSz w:w="11906" w:h="16838" w:code="9"/>
      <w:pgMar w:top="1384" w:right="1274" w:bottom="1077" w:left="1418" w:header="567" w:footer="5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39A22AB4" w14:textId="77777777" w:rsidR="002365AC" w:rsidRDefault="002365AC" w:rsidP="009E4B94">
      <w:pPr>
        <w:spacing w:line="240" w:lineRule="auto"/>
      </w:pPr>
      <w:r>
        <w:separator/>
      </w:r>
    </w:p>
  </w:endnote>
  <w:endnote w:type="continuationSeparator" w:id="0">
    <w:p w14:paraId="2FFAF834" w14:textId="77777777" w:rsidR="002365AC" w:rsidRDefault="002365AC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id w:val="1933778736"/>
      <w:docPartObj>
        <w:docPartGallery w:val="Page Numbers (Bottom of Page)"/>
        <w:docPartUnique/>
      </w:docPartObj>
    </w:sdtPr>
    <w:sdtEndPr/>
    <w:sdtContent>
      <w:p w14:paraId="08A98839" w14:textId="17FD9F38" w:rsidR="00CC67DB" w:rsidRDefault="00CC67DB">
        <w:pPr>
          <w:pStyle w:val="Sidefod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 w:rsidR="00620464">
          <w:rPr>
            <w:noProof/>
          </w:rPr>
          <w:t>2</w:t>
        </w:r>
        <w:r>
          <w:fldChar w:fldCharType="end"/>
        </w:r>
      </w:p>
    </w:sdtContent>
  </w:sdt>
  <w:p w14:paraId="622559FE" w14:textId="77777777" w:rsidR="00CC67DB" w:rsidRDefault="00CC67DB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45ACEB3E" w14:textId="77777777" w:rsidR="002365AC" w:rsidRDefault="002365AC" w:rsidP="009E4B94">
      <w:pPr>
        <w:spacing w:line="240" w:lineRule="auto"/>
      </w:pPr>
      <w:r>
        <w:separator/>
      </w:r>
    </w:p>
  </w:footnote>
  <w:footnote w:type="continuationSeparator" w:id="0">
    <w:p w14:paraId="6F1A7472" w14:textId="77777777" w:rsidR="002365AC" w:rsidRDefault="002365AC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2F31EA7" w14:textId="77777777" w:rsidR="000A4751" w:rsidRDefault="000A4751" w:rsidP="000A4751">
    <w:pPr>
      <w:pStyle w:val="Sidehoved"/>
    </w:pPr>
  </w:p>
  <w:p w14:paraId="43EBAD55" w14:textId="77777777" w:rsidR="008F4D20" w:rsidRDefault="008F4D20" w:rsidP="000A4751">
    <w:pPr>
      <w:pStyle w:val="Sidehoved"/>
    </w:pPr>
  </w:p>
  <w:p w14:paraId="4365665B" w14:textId="77777777" w:rsidR="00B07E52" w:rsidRDefault="00B07E52" w:rsidP="000A4751">
    <w:pPr>
      <w:pStyle w:val="Sidehoved"/>
    </w:pPr>
  </w:p>
  <w:p w14:paraId="24147EB0" w14:textId="77777777" w:rsidR="00B07E52" w:rsidRDefault="00B07E52" w:rsidP="000A4751">
    <w:pPr>
      <w:pStyle w:val="Sidehoved"/>
    </w:pPr>
  </w:p>
  <w:p w14:paraId="414CE04F" w14:textId="77777777" w:rsidR="00B07E52" w:rsidRDefault="00B07E52" w:rsidP="000A4751">
    <w:pPr>
      <w:pStyle w:val="Sidehoved"/>
    </w:pPr>
  </w:p>
  <w:p w14:paraId="3D45FD48" w14:textId="77777777" w:rsidR="00B07E52" w:rsidRDefault="00B07E52" w:rsidP="000A4751">
    <w:pPr>
      <w:pStyle w:val="Sidehoved"/>
    </w:pPr>
  </w:p>
  <w:p w14:paraId="4112910B" w14:textId="77777777" w:rsidR="00B07E52" w:rsidRPr="000A4751" w:rsidRDefault="00373E6E" w:rsidP="000A4751">
    <w:pPr>
      <w:pStyle w:val="Sidehoved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 wp14:anchorId="75F71F87" wp14:editId="2481802D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2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6623783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2A86529"/>
    <w:multiLevelType w:val="hybridMultilevel"/>
    <w:tmpl w:val="288616E4"/>
    <w:lvl w:ilvl="0" w:tplc="04060001">
      <w:start w:val="1"/>
      <w:numFmt w:val="bullet"/>
      <w:lvlText w:val=""/>
      <w:lvlJc w:val="left"/>
      <w:pPr>
        <w:ind w:left="1004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724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444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64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84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04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324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044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64" w:hanging="360"/>
      </w:pPr>
      <w:rPr>
        <w:rFonts w:ascii="Wingdings" w:hAnsi="Wingdings" w:hint="default"/>
      </w:rPr>
    </w:lvl>
  </w:abstractNum>
  <w:abstractNum w:abstractNumId="10" w15:restartNumberingAfterBreak="0">
    <w:nsid w:val="2F104791"/>
    <w:multiLevelType w:val="multilevel"/>
    <w:tmpl w:val="559A78F0"/>
    <w:lvl w:ilvl="0">
      <w:start w:val="1"/>
      <w:numFmt w:val="decimal"/>
      <w:pStyle w:val="Overskrift1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1" w15:restartNumberingAfterBreak="0">
    <w:nsid w:val="34F442C7"/>
    <w:multiLevelType w:val="hybridMultilevel"/>
    <w:tmpl w:val="1EC852A6"/>
    <w:lvl w:ilvl="0" w:tplc="04060001">
      <w:start w:val="1"/>
      <w:numFmt w:val="bullet"/>
      <w:lvlText w:val=""/>
      <w:lvlJc w:val="left"/>
      <w:pPr>
        <w:ind w:left="1004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724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444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64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84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04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324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044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64" w:hanging="360"/>
      </w:pPr>
      <w:rPr>
        <w:rFonts w:ascii="Wingdings" w:hAnsi="Wingdings" w:hint="default"/>
      </w:rPr>
    </w:lvl>
  </w:abstractNum>
  <w:abstractNum w:abstractNumId="12" w15:restartNumberingAfterBreak="0">
    <w:nsid w:val="3DFC2ED2"/>
    <w:multiLevelType w:val="hybridMultilevel"/>
    <w:tmpl w:val="C9F2073C"/>
    <w:lvl w:ilvl="0" w:tplc="04060001">
      <w:start w:val="1"/>
      <w:numFmt w:val="bullet"/>
      <w:lvlText w:val=""/>
      <w:lvlJc w:val="left"/>
      <w:pPr>
        <w:ind w:left="1004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724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444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64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84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04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324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044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64" w:hanging="360"/>
      </w:pPr>
      <w:rPr>
        <w:rFonts w:ascii="Wingdings" w:hAnsi="Wingdings" w:hint="default"/>
      </w:rPr>
    </w:lvl>
  </w:abstractNum>
  <w:abstractNum w:abstractNumId="13" w15:restartNumberingAfterBreak="0">
    <w:nsid w:val="54F63086"/>
    <w:multiLevelType w:val="multilevel"/>
    <w:tmpl w:val="1C880C8C"/>
    <w:lvl w:ilvl="0">
      <w:start w:val="1"/>
      <w:numFmt w:val="lowerLetter"/>
      <w:pStyle w:val="Bogstavliste"/>
      <w:lvlText w:val="%1."/>
      <w:lvlJc w:val="left"/>
      <w:pPr>
        <w:ind w:left="737" w:hanging="737"/>
      </w:pPr>
      <w:rPr>
        <w:rFonts w:hint="default"/>
      </w:rPr>
    </w:lvl>
    <w:lvl w:ilvl="1">
      <w:start w:val="1"/>
      <w:numFmt w:val="lowerRoman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14" w15:restartNumberingAfterBreak="0">
    <w:nsid w:val="633D73C3"/>
    <w:multiLevelType w:val="hybridMultilevel"/>
    <w:tmpl w:val="92DC7262"/>
    <w:lvl w:ilvl="0" w:tplc="04060001">
      <w:start w:val="1"/>
      <w:numFmt w:val="bullet"/>
      <w:lvlText w:val=""/>
      <w:lvlJc w:val="left"/>
      <w:pPr>
        <w:ind w:left="1004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724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444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64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84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04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324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044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64" w:hanging="360"/>
      </w:pPr>
      <w:rPr>
        <w:rFonts w:ascii="Wingdings" w:hAnsi="Wingdings" w:hint="default"/>
      </w:rPr>
    </w:lvl>
  </w:abstractNum>
  <w:abstractNum w:abstractNumId="15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6" w15:restartNumberingAfterBreak="0">
    <w:nsid w:val="7F0247F5"/>
    <w:multiLevelType w:val="hybridMultilevel"/>
    <w:tmpl w:val="A8869CD6"/>
    <w:lvl w:ilvl="0" w:tplc="04060001">
      <w:start w:val="1"/>
      <w:numFmt w:val="bullet"/>
      <w:lvlText w:val=""/>
      <w:lvlJc w:val="left"/>
      <w:pPr>
        <w:ind w:left="1004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724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444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64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84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04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324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044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64" w:hanging="360"/>
      </w:pPr>
      <w:rPr>
        <w:rFonts w:ascii="Wingdings" w:hAnsi="Wingdings" w:hint="default"/>
      </w:rPr>
    </w:lvl>
  </w:abstractNum>
  <w:abstractNum w:abstractNumId="17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7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5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5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3"/>
  </w:num>
  <w:num w:numId="14">
    <w:abstractNumId w:val="10"/>
  </w:num>
  <w:num w:numId="15">
    <w:abstractNumId w:val="10"/>
  </w:num>
  <w:num w:numId="16">
    <w:abstractNumId w:val="10"/>
  </w:num>
  <w:num w:numId="17">
    <w:abstractNumId w:val="10"/>
  </w:num>
  <w:num w:numId="18">
    <w:abstractNumId w:val="10"/>
  </w:num>
  <w:num w:numId="19">
    <w:abstractNumId w:val="10"/>
  </w:num>
  <w:num w:numId="20">
    <w:abstractNumId w:val="10"/>
  </w:num>
  <w:num w:numId="21">
    <w:abstractNumId w:val="10"/>
  </w:num>
  <w:num w:numId="22">
    <w:abstractNumId w:val="10"/>
  </w:num>
  <w:num w:numId="23">
    <w:abstractNumId w:val="17"/>
  </w:num>
  <w:num w:numId="24">
    <w:abstractNumId w:val="15"/>
  </w:num>
  <w:num w:numId="25">
    <w:abstractNumId w:val="17"/>
  </w:num>
  <w:num w:numId="26">
    <w:abstractNumId w:val="15"/>
  </w:num>
  <w:num w:numId="27">
    <w:abstractNumId w:val="9"/>
  </w:num>
  <w:num w:numId="28">
    <w:abstractNumId w:val="16"/>
  </w:num>
  <w:num w:numId="29">
    <w:abstractNumId w:val="11"/>
  </w:num>
  <w:num w:numId="30">
    <w:abstractNumId w:val="14"/>
  </w:num>
  <w:num w:numId="31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1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6079"/>
    <w:rsid w:val="00031C71"/>
    <w:rsid w:val="00044798"/>
    <w:rsid w:val="00047D32"/>
    <w:rsid w:val="00064EA4"/>
    <w:rsid w:val="00065BE2"/>
    <w:rsid w:val="00090318"/>
    <w:rsid w:val="00094147"/>
    <w:rsid w:val="00094ABD"/>
    <w:rsid w:val="00095A12"/>
    <w:rsid w:val="000A4751"/>
    <w:rsid w:val="000A5604"/>
    <w:rsid w:val="000A6B54"/>
    <w:rsid w:val="000E74F3"/>
    <w:rsid w:val="000F11B5"/>
    <w:rsid w:val="000F45C6"/>
    <w:rsid w:val="001131FD"/>
    <w:rsid w:val="0013244F"/>
    <w:rsid w:val="0014665D"/>
    <w:rsid w:val="00152BED"/>
    <w:rsid w:val="00171428"/>
    <w:rsid w:val="00182651"/>
    <w:rsid w:val="00197A44"/>
    <w:rsid w:val="001A2D37"/>
    <w:rsid w:val="001A4B5E"/>
    <w:rsid w:val="001A72F2"/>
    <w:rsid w:val="001E4ED8"/>
    <w:rsid w:val="0021533D"/>
    <w:rsid w:val="00224ED3"/>
    <w:rsid w:val="002365AC"/>
    <w:rsid w:val="00241021"/>
    <w:rsid w:val="002413CA"/>
    <w:rsid w:val="00244D70"/>
    <w:rsid w:val="00245C72"/>
    <w:rsid w:val="00252A31"/>
    <w:rsid w:val="00260A2D"/>
    <w:rsid w:val="00260FD0"/>
    <w:rsid w:val="00264048"/>
    <w:rsid w:val="00266B6E"/>
    <w:rsid w:val="00272BB4"/>
    <w:rsid w:val="00277AED"/>
    <w:rsid w:val="00293C27"/>
    <w:rsid w:val="002A2EEA"/>
    <w:rsid w:val="002A7EC4"/>
    <w:rsid w:val="002B0382"/>
    <w:rsid w:val="002B1B9D"/>
    <w:rsid w:val="002C79C6"/>
    <w:rsid w:val="002D5562"/>
    <w:rsid w:val="002E6386"/>
    <w:rsid w:val="002E74A4"/>
    <w:rsid w:val="002F4093"/>
    <w:rsid w:val="00320FF0"/>
    <w:rsid w:val="00322894"/>
    <w:rsid w:val="0032428F"/>
    <w:rsid w:val="00337843"/>
    <w:rsid w:val="00342A64"/>
    <w:rsid w:val="00373E6E"/>
    <w:rsid w:val="00376261"/>
    <w:rsid w:val="00384859"/>
    <w:rsid w:val="003A0E22"/>
    <w:rsid w:val="003B35B0"/>
    <w:rsid w:val="003C4F9F"/>
    <w:rsid w:val="003C60F1"/>
    <w:rsid w:val="003D642C"/>
    <w:rsid w:val="003F0733"/>
    <w:rsid w:val="00405E73"/>
    <w:rsid w:val="004178CA"/>
    <w:rsid w:val="00421174"/>
    <w:rsid w:val="00424703"/>
    <w:rsid w:val="00424709"/>
    <w:rsid w:val="00424AD9"/>
    <w:rsid w:val="004347AD"/>
    <w:rsid w:val="00446AF8"/>
    <w:rsid w:val="004721D2"/>
    <w:rsid w:val="004927CB"/>
    <w:rsid w:val="004974FF"/>
    <w:rsid w:val="004A33C2"/>
    <w:rsid w:val="004C01B2"/>
    <w:rsid w:val="004E182E"/>
    <w:rsid w:val="005029EC"/>
    <w:rsid w:val="005074D4"/>
    <w:rsid w:val="005178A7"/>
    <w:rsid w:val="00520D56"/>
    <w:rsid w:val="00530BD6"/>
    <w:rsid w:val="005345F2"/>
    <w:rsid w:val="00537F6C"/>
    <w:rsid w:val="005400B8"/>
    <w:rsid w:val="0055101C"/>
    <w:rsid w:val="00555D94"/>
    <w:rsid w:val="00557FEA"/>
    <w:rsid w:val="00565316"/>
    <w:rsid w:val="00567080"/>
    <w:rsid w:val="005A28D4"/>
    <w:rsid w:val="005B1401"/>
    <w:rsid w:val="005C5F97"/>
    <w:rsid w:val="005D5D38"/>
    <w:rsid w:val="005E09B0"/>
    <w:rsid w:val="005F1580"/>
    <w:rsid w:val="005F3ED8"/>
    <w:rsid w:val="005F6B57"/>
    <w:rsid w:val="00620464"/>
    <w:rsid w:val="00621047"/>
    <w:rsid w:val="00624176"/>
    <w:rsid w:val="0063580F"/>
    <w:rsid w:val="00645B12"/>
    <w:rsid w:val="00655B49"/>
    <w:rsid w:val="00655EBC"/>
    <w:rsid w:val="00663206"/>
    <w:rsid w:val="00663A9D"/>
    <w:rsid w:val="006651D9"/>
    <w:rsid w:val="00681D83"/>
    <w:rsid w:val="006900C2"/>
    <w:rsid w:val="006920BA"/>
    <w:rsid w:val="006A4C2F"/>
    <w:rsid w:val="006B007B"/>
    <w:rsid w:val="006B30A9"/>
    <w:rsid w:val="006C62A1"/>
    <w:rsid w:val="006E530F"/>
    <w:rsid w:val="0070267E"/>
    <w:rsid w:val="00706E32"/>
    <w:rsid w:val="00753CC8"/>
    <w:rsid w:val="007546AF"/>
    <w:rsid w:val="00765934"/>
    <w:rsid w:val="00780CEF"/>
    <w:rsid w:val="007C2FCF"/>
    <w:rsid w:val="007E373C"/>
    <w:rsid w:val="007F5814"/>
    <w:rsid w:val="00847BCB"/>
    <w:rsid w:val="00892D08"/>
    <w:rsid w:val="00893791"/>
    <w:rsid w:val="008B4D26"/>
    <w:rsid w:val="008C2024"/>
    <w:rsid w:val="008C2DC9"/>
    <w:rsid w:val="008C588B"/>
    <w:rsid w:val="008C5CCB"/>
    <w:rsid w:val="008E36B9"/>
    <w:rsid w:val="008E5967"/>
    <w:rsid w:val="008E5A6D"/>
    <w:rsid w:val="008F32DF"/>
    <w:rsid w:val="008F3540"/>
    <w:rsid w:val="008F4D20"/>
    <w:rsid w:val="00907469"/>
    <w:rsid w:val="00924450"/>
    <w:rsid w:val="0094193B"/>
    <w:rsid w:val="00945B50"/>
    <w:rsid w:val="00945E42"/>
    <w:rsid w:val="0094757D"/>
    <w:rsid w:val="00951B25"/>
    <w:rsid w:val="009643CC"/>
    <w:rsid w:val="009737E4"/>
    <w:rsid w:val="0097542F"/>
    <w:rsid w:val="00976F55"/>
    <w:rsid w:val="00983B74"/>
    <w:rsid w:val="00990263"/>
    <w:rsid w:val="009A104E"/>
    <w:rsid w:val="009A4CCC"/>
    <w:rsid w:val="009A6541"/>
    <w:rsid w:val="009B1C54"/>
    <w:rsid w:val="009C1F4B"/>
    <w:rsid w:val="009E4531"/>
    <w:rsid w:val="009E4B94"/>
    <w:rsid w:val="00A02E79"/>
    <w:rsid w:val="00A24065"/>
    <w:rsid w:val="00A5100F"/>
    <w:rsid w:val="00A6019D"/>
    <w:rsid w:val="00A7754A"/>
    <w:rsid w:val="00A868B9"/>
    <w:rsid w:val="00A93B82"/>
    <w:rsid w:val="00AB4582"/>
    <w:rsid w:val="00AD317D"/>
    <w:rsid w:val="00AF1D02"/>
    <w:rsid w:val="00AF3696"/>
    <w:rsid w:val="00B00D92"/>
    <w:rsid w:val="00B06B3A"/>
    <w:rsid w:val="00B07E52"/>
    <w:rsid w:val="00B3296A"/>
    <w:rsid w:val="00B66570"/>
    <w:rsid w:val="00BB4255"/>
    <w:rsid w:val="00BC3E46"/>
    <w:rsid w:val="00BD400B"/>
    <w:rsid w:val="00BD67C5"/>
    <w:rsid w:val="00C1474A"/>
    <w:rsid w:val="00C162B7"/>
    <w:rsid w:val="00C213AA"/>
    <w:rsid w:val="00C357EF"/>
    <w:rsid w:val="00C533E2"/>
    <w:rsid w:val="00C56461"/>
    <w:rsid w:val="00C6239F"/>
    <w:rsid w:val="00C64ADF"/>
    <w:rsid w:val="00C7549D"/>
    <w:rsid w:val="00C863C1"/>
    <w:rsid w:val="00CA06CA"/>
    <w:rsid w:val="00CA4F9E"/>
    <w:rsid w:val="00CC6322"/>
    <w:rsid w:val="00CC67DB"/>
    <w:rsid w:val="00CD5B58"/>
    <w:rsid w:val="00CD5E4A"/>
    <w:rsid w:val="00CE66C1"/>
    <w:rsid w:val="00CF2237"/>
    <w:rsid w:val="00CF635D"/>
    <w:rsid w:val="00D04705"/>
    <w:rsid w:val="00D05022"/>
    <w:rsid w:val="00D14893"/>
    <w:rsid w:val="00D230A3"/>
    <w:rsid w:val="00D27D0E"/>
    <w:rsid w:val="00D3752F"/>
    <w:rsid w:val="00D53670"/>
    <w:rsid w:val="00D774F4"/>
    <w:rsid w:val="00D77C8B"/>
    <w:rsid w:val="00D77C8C"/>
    <w:rsid w:val="00D8203B"/>
    <w:rsid w:val="00D96141"/>
    <w:rsid w:val="00DB31AF"/>
    <w:rsid w:val="00DC61BD"/>
    <w:rsid w:val="00DD1936"/>
    <w:rsid w:val="00DD289E"/>
    <w:rsid w:val="00DD2CF6"/>
    <w:rsid w:val="00DE2B28"/>
    <w:rsid w:val="00E26E79"/>
    <w:rsid w:val="00E45EC1"/>
    <w:rsid w:val="00E47AAD"/>
    <w:rsid w:val="00E53EE9"/>
    <w:rsid w:val="00E6461C"/>
    <w:rsid w:val="00E6705B"/>
    <w:rsid w:val="00E856B5"/>
    <w:rsid w:val="00EA3B59"/>
    <w:rsid w:val="00EA6140"/>
    <w:rsid w:val="00EC22EF"/>
    <w:rsid w:val="00ED5D00"/>
    <w:rsid w:val="00ED69BB"/>
    <w:rsid w:val="00EF2086"/>
    <w:rsid w:val="00EF4D86"/>
    <w:rsid w:val="00F24152"/>
    <w:rsid w:val="00F315A7"/>
    <w:rsid w:val="00F3430D"/>
    <w:rsid w:val="00F52283"/>
    <w:rsid w:val="00F54463"/>
    <w:rsid w:val="00F710A5"/>
    <w:rsid w:val="00F7763D"/>
    <w:rsid w:val="00F9527F"/>
    <w:rsid w:val="00F9667E"/>
    <w:rsid w:val="00FB440D"/>
    <w:rsid w:val="00FC41A6"/>
    <w:rsid w:val="00FD2FB9"/>
    <w:rsid w:val="00FE2C9C"/>
    <w:rsid w:val="00FE46E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1D4C0DFE"/>
  <w15:docId w15:val="{D3B9E20D-73F6-4796-AC6B-77E371CF27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2" w:qFormat="1"/>
    <w:lsdException w:name="heading 3" w:uiPriority="3" w:qFormat="1"/>
    <w:lsdException w:name="heading 4" w:uiPriority="4" w:qFormat="1"/>
    <w:lsdException w:name="heading 5" w:uiPriority="4"/>
    <w:lsdException w:name="heading 6" w:uiPriority="4"/>
    <w:lsdException w:name="heading 7" w:semiHidden="1" w:uiPriority="4" w:unhideWhenUsed="1"/>
    <w:lsdException w:name="heading 8" w:semiHidden="1" w:uiPriority="4" w:unhideWhenUsed="1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6" w:unhideWhenUsed="1" w:qFormat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19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D69BB"/>
  </w:style>
  <w:style w:type="paragraph" w:styleId="Overskrift1">
    <w:name w:val="heading 1"/>
    <w:basedOn w:val="Normal"/>
    <w:next w:val="Brdtekst"/>
    <w:link w:val="Overskrift1Tegn"/>
    <w:uiPriority w:val="1"/>
    <w:qFormat/>
    <w:rsid w:val="00645B12"/>
    <w:pPr>
      <w:keepNext/>
      <w:keepLines/>
      <w:numPr>
        <w:numId w:val="22"/>
      </w:numPr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2"/>
    <w:qFormat/>
    <w:rsid w:val="00645B12"/>
    <w:pPr>
      <w:keepNext/>
      <w:keepLines/>
      <w:numPr>
        <w:ilvl w:val="1"/>
        <w:numId w:val="22"/>
      </w:numPr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3"/>
    <w:qFormat/>
    <w:rsid w:val="00645B12"/>
    <w:pPr>
      <w:keepNext/>
      <w:keepLines/>
      <w:numPr>
        <w:ilvl w:val="2"/>
        <w:numId w:val="22"/>
      </w:numPr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Brdtekst"/>
    <w:link w:val="Overskrift4Tegn"/>
    <w:uiPriority w:val="4"/>
    <w:qFormat/>
    <w:rsid w:val="00645B12"/>
    <w:pPr>
      <w:keepNext/>
      <w:keepLines/>
      <w:numPr>
        <w:ilvl w:val="3"/>
        <w:numId w:val="22"/>
      </w:numPr>
      <w:spacing w:before="26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45B12"/>
    <w:pPr>
      <w:keepNext/>
      <w:keepLines/>
      <w:numPr>
        <w:ilvl w:val="4"/>
        <w:numId w:val="22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45B12"/>
    <w:pPr>
      <w:keepNext/>
      <w:keepLines/>
      <w:numPr>
        <w:ilvl w:val="5"/>
        <w:numId w:val="22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45B12"/>
    <w:pPr>
      <w:keepNext/>
      <w:keepLines/>
      <w:numPr>
        <w:ilvl w:val="6"/>
        <w:numId w:val="22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45B12"/>
    <w:pPr>
      <w:keepNext/>
      <w:keepLines/>
      <w:numPr>
        <w:ilvl w:val="7"/>
        <w:numId w:val="22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45B12"/>
    <w:pPr>
      <w:keepNext/>
      <w:keepLines/>
      <w:numPr>
        <w:ilvl w:val="8"/>
        <w:numId w:val="22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45B12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645B12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rsid w:val="00645B12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645B1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45B12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45B1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45B12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4"/>
    <w:rsid w:val="00645B12"/>
    <w:rPr>
      <w:rFonts w:eastAsiaTheme="majorEastAsia" w:cstheme="majorBidi"/>
      <w:bCs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4"/>
    <w:semiHidden/>
    <w:rsid w:val="00645B12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4"/>
    <w:semiHidden/>
    <w:rsid w:val="00645B12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4"/>
    <w:semiHidden/>
    <w:rsid w:val="00645B12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4"/>
    <w:semiHidden/>
    <w:rsid w:val="00645B12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4"/>
    <w:semiHidden/>
    <w:rsid w:val="00645B12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645B12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645B1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645B12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645B12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645B12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645B12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645B12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645B12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645B1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645B12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645B12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qFormat/>
    <w:rsid w:val="005400B8"/>
    <w:rPr>
      <w:b/>
      <w:bCs/>
    </w:rPr>
  </w:style>
  <w:style w:type="paragraph" w:styleId="Indholdsfortegnelse1">
    <w:name w:val="toc 1"/>
    <w:basedOn w:val="Normal"/>
    <w:next w:val="Normal"/>
    <w:uiPriority w:val="39"/>
    <w:rsid w:val="00152BED"/>
    <w:pPr>
      <w:tabs>
        <w:tab w:val="left" w:pos="454"/>
        <w:tab w:val="right" w:leader="dot" w:pos="6804"/>
      </w:tabs>
      <w:spacing w:before="280" w:line="280" w:lineRule="atLeast"/>
      <w:ind w:left="454" w:right="567" w:hanging="454"/>
    </w:pPr>
    <w:rPr>
      <w:rFonts w:ascii="Calibri" w:hAnsi="Calibri"/>
      <w:sz w:val="22"/>
      <w:szCs w:val="22"/>
    </w:rPr>
  </w:style>
  <w:style w:type="paragraph" w:styleId="Indholdsfortegnelse2">
    <w:name w:val="toc 2"/>
    <w:basedOn w:val="Normal"/>
    <w:next w:val="Normal"/>
    <w:uiPriority w:val="39"/>
    <w:rsid w:val="00152BED"/>
    <w:pPr>
      <w:tabs>
        <w:tab w:val="left" w:pos="454"/>
        <w:tab w:val="right" w:leader="dot" w:pos="6804"/>
      </w:tabs>
      <w:spacing w:before="60" w:line="280" w:lineRule="atLeast"/>
      <w:ind w:left="908" w:right="567" w:hanging="454"/>
    </w:pPr>
    <w:rPr>
      <w:rFonts w:ascii="Calibri" w:hAnsi="Calibri"/>
      <w:sz w:val="22"/>
      <w:szCs w:val="22"/>
    </w:rPr>
  </w:style>
  <w:style w:type="paragraph" w:styleId="Indholdsfortegnelse3">
    <w:name w:val="toc 3"/>
    <w:basedOn w:val="Normal"/>
    <w:next w:val="Normal"/>
    <w:uiPriority w:val="39"/>
    <w:rsid w:val="00152BED"/>
    <w:pPr>
      <w:tabs>
        <w:tab w:val="left" w:pos="680"/>
        <w:tab w:val="right" w:leader="dot" w:pos="6804"/>
      </w:tabs>
      <w:spacing w:before="20" w:line="280" w:lineRule="atLeast"/>
      <w:ind w:left="1587" w:right="567" w:hanging="680"/>
    </w:pPr>
    <w:rPr>
      <w:rFonts w:ascii="Calibri" w:hAnsi="Calibri"/>
      <w:sz w:val="22"/>
      <w:szCs w:val="22"/>
    </w:rPr>
  </w:style>
  <w:style w:type="paragraph" w:styleId="Indholdsfortegnelse4">
    <w:name w:val="toc 4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5">
    <w:name w:val="toc 5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6">
    <w:name w:val="toc 6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7">
    <w:name w:val="toc 7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8">
    <w:name w:val="toc 8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9">
    <w:name w:val="toc 9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Overskrift">
    <w:name w:val="TOC Heading"/>
    <w:basedOn w:val="Normal"/>
    <w:next w:val="Normal"/>
    <w:uiPriority w:val="39"/>
    <w:semiHidden/>
    <w:rsid w:val="00152BED"/>
    <w:pPr>
      <w:spacing w:before="840" w:after="280" w:line="440" w:lineRule="atLeast"/>
    </w:pPr>
    <w:rPr>
      <w:rFonts w:ascii="Calibri" w:hAnsi="Calibri"/>
      <w:b/>
      <w:sz w:val="40"/>
      <w:szCs w:val="22"/>
    </w:rPr>
  </w:style>
  <w:style w:type="paragraph" w:styleId="Bloktekst">
    <w:name w:val="Block Text"/>
    <w:basedOn w:val="Normal"/>
    <w:uiPriority w:val="99"/>
    <w:semiHidden/>
    <w:rsid w:val="00645B12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5400B8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5400B8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645B12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5400B8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400B8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924450"/>
    <w:pPr>
      <w:numPr>
        <w:numId w:val="25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924450"/>
    <w:pPr>
      <w:numPr>
        <w:numId w:val="26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645B12"/>
    <w:rPr>
      <w:lang w:val="da-DK"/>
    </w:rPr>
  </w:style>
  <w:style w:type="paragraph" w:customStyle="1" w:styleId="Template">
    <w:name w:val="Template"/>
    <w:uiPriority w:val="8"/>
    <w:semiHidden/>
    <w:rsid w:val="002B1B9D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645B12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645B12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645B12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645B12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645B12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645B1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645B12"/>
    <w:rPr>
      <w:color w:val="auto"/>
      <w:lang w:val="da-DK"/>
    </w:rPr>
  </w:style>
  <w:style w:type="paragraph" w:customStyle="1" w:styleId="Tabel">
    <w:name w:val="Tabel"/>
    <w:uiPriority w:val="7"/>
    <w:rsid w:val="005345F2"/>
    <w:pPr>
      <w:spacing w:before="68" w:after="120" w:line="280" w:lineRule="atLeast"/>
      <w:ind w:left="113" w:right="113"/>
    </w:pPr>
    <w:rPr>
      <w:sz w:val="22"/>
    </w:rPr>
  </w:style>
  <w:style w:type="paragraph" w:customStyle="1" w:styleId="Tabel-Tekst">
    <w:name w:val="Tabel - Tekst"/>
    <w:basedOn w:val="Tabel"/>
    <w:uiPriority w:val="7"/>
    <w:rsid w:val="00645B12"/>
  </w:style>
  <w:style w:type="paragraph" w:customStyle="1" w:styleId="Tabel-TekstTotal">
    <w:name w:val="Tabel - Tekst Total"/>
    <w:basedOn w:val="Tabel-Tekst"/>
    <w:uiPriority w:val="7"/>
    <w:rsid w:val="00645B12"/>
    <w:rPr>
      <w:b/>
    </w:rPr>
  </w:style>
  <w:style w:type="paragraph" w:customStyle="1" w:styleId="Tabel-Tal">
    <w:name w:val="Tabel - Tal"/>
    <w:basedOn w:val="Tabel"/>
    <w:uiPriority w:val="7"/>
    <w:rsid w:val="00645B12"/>
    <w:pPr>
      <w:jc w:val="right"/>
    </w:pPr>
  </w:style>
  <w:style w:type="paragraph" w:customStyle="1" w:styleId="Tabel-TalTotal">
    <w:name w:val="Tabel - Tal Total"/>
    <w:basedOn w:val="Tabel-Tal"/>
    <w:uiPriority w:val="7"/>
    <w:rsid w:val="00645B12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645B12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645B1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645B12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645B12"/>
    <w:pPr>
      <w:ind w:right="567"/>
    </w:pPr>
  </w:style>
  <w:style w:type="paragraph" w:styleId="Normalindrykning">
    <w:name w:val="Normal Indent"/>
    <w:basedOn w:val="Normal"/>
    <w:rsid w:val="00645B12"/>
    <w:pPr>
      <w:ind w:left="1134"/>
    </w:pPr>
  </w:style>
  <w:style w:type="table" w:styleId="Tabel-Gitter">
    <w:name w:val="Table Grid"/>
    <w:basedOn w:val="Tabel-Normal"/>
    <w:uiPriority w:val="59"/>
    <w:rsid w:val="00645B12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3F0733"/>
    <w:pPr>
      <w:spacing w:after="300"/>
      <w:contextualSpacing/>
      <w:outlineLvl w:val="0"/>
    </w:pPr>
    <w:rPr>
      <w:b/>
    </w:rPr>
  </w:style>
  <w:style w:type="paragraph" w:customStyle="1" w:styleId="DocumentName">
    <w:name w:val="Document Name"/>
    <w:basedOn w:val="Normal"/>
    <w:uiPriority w:val="9"/>
    <w:rsid w:val="00A5100F"/>
    <w:pPr>
      <w:spacing w:after="600" w:line="400" w:lineRule="atLeast"/>
      <w:contextualSpacing/>
    </w:pPr>
    <w:rPr>
      <w:b/>
      <w:sz w:val="36"/>
    </w:rPr>
  </w:style>
  <w:style w:type="paragraph" w:customStyle="1" w:styleId="Template-DatoogSagsnr">
    <w:name w:val="Template - Dato og Sagsnr"/>
    <w:basedOn w:val="Template"/>
    <w:uiPriority w:val="8"/>
    <w:semiHidden/>
    <w:rsid w:val="005400B8"/>
  </w:style>
  <w:style w:type="paragraph" w:styleId="Markeringsbobletekst">
    <w:name w:val="Balloon Text"/>
    <w:basedOn w:val="Normal"/>
    <w:link w:val="MarkeringsbobletekstTegn"/>
    <w:uiPriority w:val="99"/>
    <w:semiHidden/>
    <w:rsid w:val="00645B12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645B12"/>
    <w:rPr>
      <w:rFonts w:ascii="Tahoma" w:hAnsi="Tahoma" w:cs="Tahoma"/>
      <w:sz w:val="16"/>
      <w:szCs w:val="16"/>
      <w:lang w:val="da-DK"/>
    </w:rPr>
  </w:style>
  <w:style w:type="paragraph" w:customStyle="1" w:styleId="Ledetekst">
    <w:name w:val="Ledetekst"/>
    <w:basedOn w:val="Normal"/>
    <w:uiPriority w:val="8"/>
    <w:rsid w:val="00421174"/>
    <w:pPr>
      <w:spacing w:before="20" w:after="20"/>
    </w:pPr>
    <w:rPr>
      <w:b/>
    </w:rPr>
  </w:style>
  <w:style w:type="paragraph" w:customStyle="1" w:styleId="LedetekstReg">
    <w:name w:val="Ledetekst Reg"/>
    <w:basedOn w:val="Normal"/>
    <w:uiPriority w:val="8"/>
    <w:rsid w:val="00421174"/>
    <w:pPr>
      <w:spacing w:before="20" w:after="20"/>
    </w:pPr>
  </w:style>
  <w:style w:type="paragraph" w:customStyle="1" w:styleId="Bogstavliste">
    <w:name w:val="Bogstav liste"/>
    <w:basedOn w:val="Normal"/>
    <w:uiPriority w:val="5"/>
    <w:qFormat/>
    <w:rsid w:val="00924450"/>
    <w:pPr>
      <w:numPr>
        <w:numId w:val="13"/>
      </w:numPr>
    </w:pPr>
  </w:style>
  <w:style w:type="paragraph" w:customStyle="1" w:styleId="O1-Udennr">
    <w:name w:val="O1 - Uden nr"/>
    <w:basedOn w:val="Overskrift1"/>
    <w:next w:val="Brdtekst"/>
    <w:uiPriority w:val="1"/>
    <w:qFormat/>
    <w:rsid w:val="00645B12"/>
    <w:pPr>
      <w:numPr>
        <w:numId w:val="0"/>
      </w:numPr>
    </w:pPr>
  </w:style>
  <w:style w:type="paragraph" w:customStyle="1" w:styleId="O2-Udennr">
    <w:name w:val="O2 - Uden nr"/>
    <w:basedOn w:val="Overskrift2"/>
    <w:next w:val="Brdtekst"/>
    <w:uiPriority w:val="2"/>
    <w:qFormat/>
    <w:rsid w:val="00645B12"/>
    <w:pPr>
      <w:numPr>
        <w:ilvl w:val="0"/>
        <w:numId w:val="0"/>
      </w:numPr>
    </w:pPr>
  </w:style>
  <w:style w:type="paragraph" w:customStyle="1" w:styleId="O3-Udennr">
    <w:name w:val="O3 - Uden nr"/>
    <w:basedOn w:val="Overskrift3"/>
    <w:next w:val="Brdtekst"/>
    <w:uiPriority w:val="3"/>
    <w:qFormat/>
    <w:rsid w:val="00645B12"/>
    <w:pPr>
      <w:numPr>
        <w:ilvl w:val="0"/>
        <w:numId w:val="0"/>
      </w:numPr>
    </w:pPr>
  </w:style>
  <w:style w:type="paragraph" w:customStyle="1" w:styleId="O4-Udennr">
    <w:name w:val="O4 - Uden nr"/>
    <w:basedOn w:val="Overskrift4"/>
    <w:next w:val="Brdtekst"/>
    <w:uiPriority w:val="4"/>
    <w:qFormat/>
    <w:rsid w:val="00645B12"/>
    <w:pPr>
      <w:numPr>
        <w:ilvl w:val="0"/>
        <w:numId w:val="0"/>
      </w:numPr>
    </w:pPr>
  </w:style>
  <w:style w:type="character" w:customStyle="1" w:styleId="ParadigmeKommentar">
    <w:name w:val="ParadigmeKommentar"/>
    <w:basedOn w:val="Standardskrifttypeiafsnit"/>
    <w:uiPriority w:val="8"/>
    <w:rsid w:val="00CA4F9E"/>
    <w:rPr>
      <w:rFonts w:ascii="Garamond" w:hAnsi="Garamond"/>
      <w:i w:val="0"/>
      <w:color w:val="FF0000"/>
      <w:sz w:val="22"/>
      <w:u w:val="none"/>
      <w:lang w:val="da-DK"/>
    </w:rPr>
  </w:style>
  <w:style w:type="paragraph" w:customStyle="1" w:styleId="Tabel-Overskrift">
    <w:name w:val="Tabel - Overskrift"/>
    <w:basedOn w:val="Tabel-Tekst"/>
    <w:uiPriority w:val="7"/>
    <w:rsid w:val="005345F2"/>
    <w:rPr>
      <w:rFonts w:ascii="Calibri" w:hAnsi="Calibri"/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5345F2"/>
    <w:pPr>
      <w:jc w:val="right"/>
    </w:pPr>
  </w:style>
  <w:style w:type="paragraph" w:styleId="Brdtekst">
    <w:name w:val="Body Text"/>
    <w:basedOn w:val="Normal"/>
    <w:link w:val="BrdtekstTegn"/>
    <w:unhideWhenUsed/>
    <w:qFormat/>
    <w:rsid w:val="00171428"/>
    <w:rPr>
      <w:rFonts w:eastAsia="Times New Roman" w:cs="Times New Roman"/>
      <w:szCs w:val="20"/>
    </w:rPr>
  </w:style>
  <w:style w:type="character" w:customStyle="1" w:styleId="BrdtekstTegn">
    <w:name w:val="Brødtekst Tegn"/>
    <w:basedOn w:val="Standardskrifttypeiafsnit"/>
    <w:link w:val="Brdtekst"/>
    <w:rsid w:val="00171428"/>
    <w:rPr>
      <w:rFonts w:eastAsia="Times New Roman" w:cs="Times New Roman"/>
      <w:szCs w:val="20"/>
      <w:lang w:val="da-DK"/>
    </w:rPr>
  </w:style>
  <w:style w:type="table" w:customStyle="1" w:styleId="Opstilling">
    <w:name w:val="Opstilling"/>
    <w:basedOn w:val="Tabel-Normal"/>
    <w:uiPriority w:val="99"/>
    <w:rsid w:val="008E5967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Ind w:w="0" w:type="nil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8E5967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Ind w:w="0" w:type="nil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character" w:customStyle="1" w:styleId="eop">
    <w:name w:val="eop"/>
    <w:basedOn w:val="Standardskrifttypeiafsnit"/>
    <w:rsid w:val="009643CC"/>
    <w:rPr>
      <w:lang w:val="da-DK"/>
    </w:rPr>
  </w:style>
  <w:style w:type="table" w:customStyle="1" w:styleId="Blank">
    <w:name w:val="Blank"/>
    <w:basedOn w:val="Tabel-Normal"/>
    <w:uiPriority w:val="99"/>
    <w:rsid w:val="00C162B7"/>
    <w:pPr>
      <w:spacing w:line="240" w:lineRule="atLeast"/>
    </w:pPr>
    <w:rPr>
      <w:rFonts w:ascii="Segoe UI" w:hAnsi="Segoe UI" w:cs="Verdana"/>
      <w:sz w:val="18"/>
      <w:szCs w:val="18"/>
    </w:rPr>
    <w:tblPr>
      <w:tblCellMar>
        <w:left w:w="0" w:type="dxa"/>
        <w:right w:w="0" w:type="dxa"/>
      </w:tblCellMar>
    </w:tblPr>
  </w:style>
  <w:style w:type="paragraph" w:customStyle="1" w:styleId="Faktaboks-Overskrift1">
    <w:name w:val="Faktaboks - Overskrift 1"/>
    <w:basedOn w:val="Normal"/>
    <w:uiPriority w:val="5"/>
    <w:qFormat/>
    <w:rsid w:val="00C162B7"/>
    <w:pPr>
      <w:keepNext/>
      <w:keepLines/>
      <w:suppressAutoHyphens/>
      <w:spacing w:before="220" w:after="220" w:line="320" w:lineRule="atLeast"/>
      <w:ind w:left="284" w:right="284"/>
      <w:contextualSpacing/>
    </w:pPr>
    <w:rPr>
      <w:rFonts w:ascii="Georgia" w:hAnsi="Georgia" w:cs="Verdana"/>
      <w:color w:val="568096" w:themeColor="accent1"/>
      <w:sz w:val="26"/>
      <w:szCs w:val="18"/>
    </w:rPr>
  </w:style>
  <w:style w:type="paragraph" w:customStyle="1" w:styleId="Fakaboks-Tekst">
    <w:name w:val="Fakaboks - Tekst"/>
    <w:basedOn w:val="Normal"/>
    <w:uiPriority w:val="5"/>
    <w:qFormat/>
    <w:rsid w:val="00C162B7"/>
    <w:pPr>
      <w:spacing w:after="220" w:line="260" w:lineRule="atLeast"/>
      <w:ind w:left="284" w:right="284"/>
      <w:contextualSpacing/>
    </w:pPr>
    <w:rPr>
      <w:rFonts w:ascii="Segoe UI" w:hAnsi="Segoe UI" w:cs="Verdana"/>
      <w:color w:val="434343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536992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4464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39753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546168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65716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05232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21153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2492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52631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defaultValue":"true","helpTexts":{"prefix":"","postfix":""},"spacing":{},"type":"checkBox","name":"LogoVisibility","label":"Vis logo","fullyQualifiedName":"LogoVisibility"}],"formDataEntries":[{"name":"Date","value":"4AFXAUmSjrCEpieXbOymlQ=="},{"name":"LogoVisibility","value":"8g7WrmqZp2dR0/ok1A9xEw=="}]}]]></TemplafyFormConfiguration>
</file>

<file path=customXml/item2.xml><?xml version="1.0" encoding="utf-8"?>
<TemplafyTemplateConfiguration><![CDATA[{"elementsMetadata":[{"type":"richTextContentControl","id":"2d32a50a-b45f-432b-a889-c24883e66da2","elementConfiguration":{"binding":"UserProfile.Office.Myndighed","removeAndKeepContent":false,"disableUpdates":false,"type":"text"}},{"type":"richTextContentControl","id":"a4c24436-bd98-4825-9cb8-426ab0eb9bd0","elementConfiguration":{"binding":"UserProfile.Kontorforkortelse.OfficeLocal","visibility":{"action":"hide","binding":"UserProfile.Kontorforkortelse.OfficeLocalAbb","operator":"equals","compareValue":""},"removeAndKeepContent":false,"disableUpdates":false,"type":"text"}},{"type":"richTextContentControl","id":"529375cd-d0a3-449f-86f8-25a904b783d4","elementConfiguration":{"binding":"UserProfile.Office.Address","visibility":{"action":"hide","operator":"equals","compareValue":""},"removeAndKeepContent":false,"disableUpdates":false,"type":"text"}},{"type":"richTextContentControl","id":"86fb41fc-e856-4d09-9604-ca35c791a38e","elementConfiguration":{"visibility":{"action":"hide","binding":"UserProfile.Office.Phone","operator":"equals","compareValue":""},"disableUpdates":false,"type":"group"}},{"type":"richTextContentControl","id":"b6d97e68-3345-4256-bcab-bf87c024b3eb","elementConfiguration":{"binding":"Translations.Phone","removeAndKeepContent":false,"disableUpdates":false,"type":"text"}},{"type":"richTextContentControl","id":"a7f5569b-3575-4815-a780-6487982be152","elementConfiguration":{"binding":"UserProfile.Office.Phone","removeAndKeepContent":false,"disableUpdates":false,"type":"text"}},{"type":"richTextContentControl","id":"3aa38f43-6f7d-440d-96d1-ad1eeb1fffa7","elementConfiguration":{"visibility":{"action":"hide","binding":"UserProfile.Office.Email","operator":"equals","compareValue":""},"disableUpdates":false,"type":"group"}},{"type":"richTextContentControl","id":"e6a9beb9-d6aa-4e0c-9a5b-fea7eb1c5c46","elementConfiguration":{"binding":"Translations.Email","removeAndKeepContent":false,"disableUpdates":false,"type":"text"}},{"type":"richTextContentControl","id":"30c76553-6b63-471b-a932-c70d1c11d3a2","elementConfiguration":{"binding":"UserProfile.Office.Email","removeAndKeepContent":false,"disableUpdates":false,"type":"text"}},{"type":"richTextContentControl","id":"99d21e72-1429-45fd-b223-163d83bd8155","elementConfiguration":{"binding":"UserProfile.Office.Web","visibility":{"action":"hide","binding":"UserProfile.Office.Web","operator":"equals","compareValue":""},"removeAndKeepContent":false,"disableUpdates":false,"type":"text"}},{"type":"richTextContentControl","id":"d0d5d032-01e1-457c-8638-6d87decaae90","elementConfiguration":{"visibility":{"action":"hide","binding":"UserProfile.Office.Cvr","operator":"equals","compareValue":""},"disableUpdates":false,"type":"group"}},{"type":"richTextContentControl","id":"c07bafc0-4000-437e-a764-57271e4580b4","elementConfiguration":{"binding":"Translations.CVR","removeAndKeepContent":false,"disableUpdates":false,"type":"text"}},{"type":"richTextContentControl","id":"b4dbd8b5-5abd-485d-b53a-3dfa42ba0cf1","elementConfiguration":{"binding":"UserProfile.Office.Cvr","removeAndKeepContent":false,"disableUpdates":false,"type":"text"}},{"type":"richTextContentControl","id":"2a221190-113e-4c01-b6fa-4c698fdac7d9","elementConfiguration":{"format":"{{DateFormats.GeneralDate}}","binding":"Form.Date","removeAndKeepContent":false,"disableUpdates":false,"type":"date"}},{"type":"richTextContentControl","id":"7d08c9fe-cc8f-4742-b8b9-3dd4dcf5c6f9","elementConfiguration":{"binding":"Translations.CaseNo","removeAndKeepContent":false,"disableUpdates":false,"type":"text"}},{"type":"richTextContentControl","id":"630a07cd-e0ad-415c-b912-7dbdf53f5f2c","elementConfiguration":{"binding":"UserProfile.Office.Myndighed","removeAndKeepContent":false,"disableUpdates":false,"type":"text"}},{"type":"richTextContentControl","id":"5a1eeb9e-a28a-47f5-872f-34aac856abb5","elementConfiguration":{"binding":"UserProfile.Kontorforkortelse.OfficeLocal","visibility":{"action":"hide","binding":"UserProfile.Kontorforkortelse.OfficeLocalAbb","operator":"equals","compareValue":""},"removeAndKeepContent":false,"disableUpdates":false,"type":"text"}},{"type":"richTextContentControl","id":"e662ca7d-3fc2-4151-8c47-9bbcf3390a2a","elementConfiguration":{"binding":"UserProfile.Office.Address","visibility":{"action":"hide","operator":"equals","compareValue":""},"removeAndKeepContent":false,"disableUpdates":false,"type":"text"}},{"type":"richTextContentControl","id":"6ac8836e-36f4-4842-bd39-e71db29aa631","elementConfiguration":{"visibility":{"action":"hide","binding":"UserProfile.Office.Phone","operator":"equals","compareValue":""},"disableUpdates":false,"type":"group"}},{"type":"richTextContentControl","id":"fadac1bd-aa7c-42bf-875d-97fa6e145cb6","elementConfiguration":{"binding":"Translations.Phone","removeAndKeepContent":false,"disableUpdates":false,"type":"text"}},{"type":"richTextContentControl","id":"28c8350b-f014-4fd6-aa8f-b484718920ba","elementConfiguration":{"binding":"UserProfile.Office.Phone","removeAndKeepContent":false,"disableUpdates":false,"type":"text"}},{"type":"richTextContentControl","id":"6311e8ac-83e4-43d1-9fc0-21dba7617ff3","elementConfiguration":{"visibility":{"action":"hide","binding":"UserProfile.Office.Email","operator":"equals","compareValue":""},"disableUpdates":false,"type":"group"}},{"type":"richTextContentControl","id":"b5ca88cb-5f17-45d6-ae9b-29f9c6f8b483","elementConfiguration":{"binding":"Translations.Email","removeAndKeepContent":false,"disableUpdates":false,"type":"text"}},{"type":"richTextContentControl","id":"5475082c-b471-4142-845b-082c269dafb8","elementConfiguration":{"binding":"UserProfile.Office.Email","removeAndKeepContent":false,"disableUpdates":false,"type":"text"}},{"type":"richTextContentControl","id":"487b144c-0fb2-4cf0-a7d2-02fa3aec89da","elementConfiguration":{"binding":"UserProfile.Office.Web","visibility":{"action":"hide","binding":"UserProfile.Office.Web","operator":"equals","compareValue":""},"removeAndKeepContent":false,"disableUpdates":false,"type":"text"}},{"type":"richTextContentControl","id":"1543e5e9-c6a2-40ea-ab15-1e4c45ff26a8","elementConfiguration":{"visibility":{"action":"hide","binding":"UserProfile.Office.Cvr","operator":"equals","compareValue":""},"disableUpdates":false,"type":"group"}},{"type":"richTextContentControl","id":"ae2d0b1d-78e4-40b2-af3f-0bc88bc19958","elementConfiguration":{"binding":"Translations.CVR","removeAndKeepContent":false,"disableUpdates":false,"type":"text"}},{"type":"richTextContentControl","id":"d9278f1b-71cd-472a-a2f7-2681fc1e288a","elementConfiguration":{"binding":"UserProfile.Office.Cvr","removeAndKeepContent":false,"disableUpdates":false,"type":"text"}},{"type":"richTextContentControl","id":"d99991b7-43c2-4b5c-bc2f-5e7f8bdf9116","elementConfiguration":{"format":"{{DateFormats.GeneralDate}}","binding":"Form.Date","removeAndKeepContent":false,"disableUpdates":false,"type":"date"}},{"type":"richTextContentControl","id":"274f8cd8-be18-4f30-82a2-9730515931d5","elementConfiguration":{"binding":"Translations.CaseNo","removeAndKeepContent":false,"disableUpdates":false,"type":"text"}}],"transformationConfigurations":[{"language":"{{DocumentLanguage}}","disableUpdates":false,"type":"proofingLanguage"},{"binding":"UserProfile.LogoInsertion.LogoName_{{Form.LogoVisibility}}","shapeName":"LogoHide","width":"","height":"{{UserProfile.LogoInsertion.LogoHeight}}","namedSections":"first","namedPages":"first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Notat","templateDescription":"","enableDocumentContentUpdater":true,"version":"1.4"}]]></TemplafyTemplateConfiguration>
</file>

<file path=customXml/itemProps1.xml><?xml version="1.0" encoding="utf-8"?>
<ds:datastoreItem xmlns:ds="http://schemas.openxmlformats.org/officeDocument/2006/customXml" ds:itemID="{E3C1FF6D-753C-4CA5-A9E3-12E44E3DDE5F}">
  <ds:schemaRefs/>
</ds:datastoreItem>
</file>

<file path=customXml/itemProps2.xml><?xml version="1.0" encoding="utf-8"?>
<ds:datastoreItem xmlns:ds="http://schemas.openxmlformats.org/officeDocument/2006/customXml" ds:itemID="{88422A3C-900E-4FD4-A609-58577D235EC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74</TotalTime>
  <Pages>2</Pages>
  <Words>223</Words>
  <Characters>1367</Characters>
  <Application>Microsoft Office Word</Application>
  <DocSecurity>0</DocSecurity>
  <Lines>11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Skabelon til tilbagemelding for den skriftlige prøve i dansk FP9</vt:lpstr>
      <vt:lpstr/>
    </vt:vector>
  </TitlesOfParts>
  <Company/>
  <LinksUpToDate>false</LinksUpToDate>
  <CharactersWithSpaces>158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lbagemeldingsskema for skriftlig fremstilling i fransk FP10</dc:title>
  <dc:subject/>
  <dc:creator>Ida Fonager Hansen</dc:creator>
  <cp:keywords/>
  <dc:description/>
  <cp:lastModifiedBy>Ida Fonager Hansen</cp:lastModifiedBy>
  <cp:revision>51</cp:revision>
  <cp:lastPrinted>2022-04-07T11:14:00Z</cp:lastPrinted>
  <dcterms:created xsi:type="dcterms:W3CDTF">2022-11-03T08:05:00Z</dcterms:created>
  <dcterms:modified xsi:type="dcterms:W3CDTF">2023-02-22T17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1-23T09:22:20.4599305Z</vt:lpwstr>
  </property>
  <property fmtid="{D5CDD505-2E9C-101B-9397-08002B2CF9AE}" pid="3" name="TemplafyTenantId">
    <vt:lpwstr>uvm</vt:lpwstr>
  </property>
  <property fmtid="{D5CDD505-2E9C-101B-9397-08002B2CF9AE}" pid="4" name="TemplafyTemplateId">
    <vt:lpwstr>637618662855046141</vt:lpwstr>
  </property>
  <property fmtid="{D5CDD505-2E9C-101B-9397-08002B2CF9AE}" pid="5" name="TemplafyUserProfileId">
    <vt:lpwstr>637634920350481298</vt:lpwstr>
  </property>
  <property fmtid="{D5CDD505-2E9C-101B-9397-08002B2CF9AE}" pid="6" name="TemplafyLanguageCode">
    <vt:lpwstr>da-DK</vt:lpwstr>
  </property>
  <property fmtid="{D5CDD505-2E9C-101B-9397-08002B2CF9AE}" pid="7" name="sipTrackRevision">
    <vt:lpwstr>false</vt:lpwstr>
  </property>
</Properties>
</file>